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076BA" w:rsidRPr="005076BA" w:rsidRDefault="005076BA" w:rsidP="005076BA">
      <w:pPr>
        <w:spacing w:after="0" w:line="480" w:lineRule="auto"/>
        <w:jc w:val="center"/>
        <w:rPr>
          <w:rFonts w:ascii="Times New Roman" w:hAnsi="Times New Roman" w:cs="Times New Roman"/>
          <w:b/>
          <w:sz w:val="32"/>
          <w:szCs w:val="28"/>
          <w:lang w:val="en-US"/>
        </w:rPr>
      </w:pPr>
      <w:bookmarkStart w:id="0" w:name="_GoBack"/>
      <w:bookmarkEnd w:id="0"/>
      <w:r>
        <w:rPr>
          <w:rFonts w:ascii="Times New Roman" w:hAnsi="Times New Roman" w:cs="Times New Roman"/>
          <w:b/>
          <w:sz w:val="32"/>
          <w:szCs w:val="28"/>
        </w:rPr>
        <w:t xml:space="preserve">LAPORAN TUGAS </w:t>
      </w:r>
      <w:r>
        <w:rPr>
          <w:rFonts w:ascii="Times New Roman" w:hAnsi="Times New Roman" w:cs="Times New Roman"/>
          <w:b/>
          <w:sz w:val="32"/>
          <w:szCs w:val="28"/>
          <w:lang w:val="en-US"/>
        </w:rPr>
        <w:t>PRAKTIKUM 1</w:t>
      </w:r>
    </w:p>
    <w:p w:rsidR="005076BA" w:rsidRDefault="005076BA" w:rsidP="005076BA">
      <w:pPr>
        <w:spacing w:after="0" w:line="480" w:lineRule="auto"/>
        <w:jc w:val="center"/>
        <w:rPr>
          <w:rFonts w:ascii="Times New Roman" w:hAnsi="Times New Roman" w:cs="Times New Roman"/>
          <w:b/>
          <w:sz w:val="32"/>
          <w:szCs w:val="28"/>
        </w:rPr>
      </w:pPr>
      <w:r w:rsidRPr="00A61FA0">
        <w:rPr>
          <w:rFonts w:ascii="Times New Roman" w:hAnsi="Times New Roman" w:cs="Times New Roman"/>
          <w:b/>
          <w:sz w:val="32"/>
          <w:szCs w:val="28"/>
        </w:rPr>
        <w:t>PRAKTIKUM</w:t>
      </w:r>
      <w:r>
        <w:rPr>
          <w:rFonts w:ascii="Times New Roman" w:hAnsi="Times New Roman" w:cs="Times New Roman"/>
          <w:b/>
          <w:sz w:val="32"/>
          <w:szCs w:val="28"/>
        </w:rPr>
        <w:t xml:space="preserve"> </w:t>
      </w:r>
      <w:r w:rsidRPr="00A61FA0">
        <w:rPr>
          <w:rFonts w:ascii="Times New Roman" w:hAnsi="Times New Roman" w:cs="Times New Roman"/>
          <w:b/>
          <w:sz w:val="32"/>
          <w:szCs w:val="28"/>
        </w:rPr>
        <w:t>PEMROGRAMAN 4</w:t>
      </w:r>
    </w:p>
    <w:p w:rsidR="005076BA" w:rsidRPr="00A61FA0" w:rsidRDefault="005076BA" w:rsidP="005076BA">
      <w:pPr>
        <w:rPr>
          <w:rFonts w:ascii="Times New Roman" w:hAnsi="Times New Roman" w:cs="Times New Roman"/>
          <w:sz w:val="32"/>
          <w:szCs w:val="28"/>
        </w:rPr>
      </w:pPr>
    </w:p>
    <w:p w:rsidR="005076BA" w:rsidRDefault="005076BA" w:rsidP="005076BA">
      <w:pPr>
        <w:rPr>
          <w:rFonts w:ascii="Times New Roman" w:hAnsi="Times New Roman" w:cs="Times New Roman"/>
          <w:sz w:val="24"/>
          <w:szCs w:val="28"/>
        </w:rPr>
      </w:pPr>
    </w:p>
    <w:p w:rsidR="005076BA" w:rsidRDefault="005076BA" w:rsidP="005076BA">
      <w:pPr>
        <w:rPr>
          <w:rFonts w:ascii="Times New Roman" w:hAnsi="Times New Roman" w:cs="Times New Roman"/>
          <w:sz w:val="24"/>
          <w:szCs w:val="28"/>
        </w:rPr>
      </w:pPr>
    </w:p>
    <w:p w:rsidR="005076BA" w:rsidRPr="00A61FA0" w:rsidRDefault="005076BA" w:rsidP="005076BA">
      <w:pPr>
        <w:rPr>
          <w:rFonts w:ascii="Times New Roman" w:hAnsi="Times New Roman" w:cs="Times New Roman"/>
          <w:sz w:val="24"/>
          <w:szCs w:val="28"/>
        </w:rPr>
      </w:pPr>
    </w:p>
    <w:p w:rsidR="005076BA" w:rsidRPr="00A61FA0" w:rsidRDefault="005076BA" w:rsidP="005076BA">
      <w:pPr>
        <w:rPr>
          <w:rFonts w:ascii="Times New Roman" w:hAnsi="Times New Roman" w:cs="Times New Roman"/>
          <w:sz w:val="24"/>
          <w:szCs w:val="28"/>
        </w:rPr>
      </w:pPr>
    </w:p>
    <w:p w:rsidR="005076BA" w:rsidRPr="00A61FA0" w:rsidRDefault="005076BA" w:rsidP="005076BA">
      <w:pPr>
        <w:rPr>
          <w:rFonts w:ascii="Times New Roman" w:hAnsi="Times New Roman" w:cs="Times New Roman"/>
          <w:sz w:val="24"/>
          <w:szCs w:val="28"/>
        </w:rPr>
      </w:pPr>
      <w:r w:rsidRPr="00A61FA0">
        <w:rPr>
          <w:rFonts w:ascii="Times New Roman" w:hAnsi="Times New Roman"/>
          <w:noProof/>
          <w:sz w:val="24"/>
        </w:rPr>
        <w:drawing>
          <wp:anchor distT="0" distB="0" distL="114300" distR="114300" simplePos="0" relativeHeight="251659264" behindDoc="0" locked="0" layoutInCell="1" allowOverlap="1" wp14:anchorId="33E6323C" wp14:editId="2121E910">
            <wp:simplePos x="0" y="0"/>
            <wp:positionH relativeFrom="margin">
              <wp:align>center</wp:align>
            </wp:positionH>
            <wp:positionV relativeFrom="margin">
              <wp:posOffset>1876425</wp:posOffset>
            </wp:positionV>
            <wp:extent cx="2487930" cy="2434590"/>
            <wp:effectExtent l="0" t="0" r="7620" b="3810"/>
            <wp:wrapSquare wrapText="bothSides"/>
            <wp:docPr id="9" name="Picture 9" descr="U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2" descr="UP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87930" cy="243459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076BA" w:rsidRPr="00A61FA0" w:rsidRDefault="005076BA" w:rsidP="005076BA">
      <w:pPr>
        <w:rPr>
          <w:rFonts w:ascii="Times New Roman" w:hAnsi="Times New Roman" w:cs="Times New Roman"/>
          <w:sz w:val="24"/>
          <w:szCs w:val="28"/>
        </w:rPr>
      </w:pPr>
    </w:p>
    <w:p w:rsidR="005076BA" w:rsidRPr="00A61FA0" w:rsidRDefault="005076BA" w:rsidP="005076BA">
      <w:pPr>
        <w:rPr>
          <w:rFonts w:ascii="Times New Roman" w:hAnsi="Times New Roman" w:cs="Times New Roman"/>
          <w:sz w:val="24"/>
          <w:szCs w:val="28"/>
        </w:rPr>
      </w:pPr>
    </w:p>
    <w:p w:rsidR="005076BA" w:rsidRPr="00A61FA0" w:rsidRDefault="005076BA" w:rsidP="005076BA">
      <w:pPr>
        <w:rPr>
          <w:rFonts w:ascii="Times New Roman" w:hAnsi="Times New Roman" w:cs="Times New Roman"/>
          <w:sz w:val="24"/>
          <w:szCs w:val="28"/>
        </w:rPr>
      </w:pPr>
    </w:p>
    <w:p w:rsidR="005076BA" w:rsidRPr="00A61FA0" w:rsidRDefault="005076BA" w:rsidP="005076BA">
      <w:pPr>
        <w:rPr>
          <w:rFonts w:ascii="Times New Roman" w:hAnsi="Times New Roman" w:cs="Times New Roman"/>
          <w:sz w:val="24"/>
          <w:szCs w:val="28"/>
        </w:rPr>
      </w:pPr>
    </w:p>
    <w:p w:rsidR="005076BA" w:rsidRPr="00A61FA0" w:rsidRDefault="005076BA" w:rsidP="005076BA">
      <w:pPr>
        <w:rPr>
          <w:rFonts w:ascii="Times New Roman" w:hAnsi="Times New Roman" w:cs="Times New Roman"/>
          <w:sz w:val="24"/>
          <w:szCs w:val="28"/>
        </w:rPr>
      </w:pPr>
    </w:p>
    <w:p w:rsidR="005076BA" w:rsidRPr="00A61FA0" w:rsidRDefault="005076BA" w:rsidP="005076BA">
      <w:pPr>
        <w:rPr>
          <w:rFonts w:ascii="Times New Roman" w:hAnsi="Times New Roman" w:cs="Times New Roman"/>
          <w:sz w:val="24"/>
          <w:szCs w:val="28"/>
        </w:rPr>
      </w:pPr>
    </w:p>
    <w:p w:rsidR="005076BA" w:rsidRPr="00A61FA0" w:rsidRDefault="005076BA" w:rsidP="005076BA">
      <w:pPr>
        <w:rPr>
          <w:rFonts w:ascii="Times New Roman" w:hAnsi="Times New Roman" w:cs="Times New Roman"/>
          <w:sz w:val="24"/>
          <w:szCs w:val="28"/>
        </w:rPr>
      </w:pPr>
    </w:p>
    <w:p w:rsidR="005076BA" w:rsidRDefault="005076BA" w:rsidP="005076BA">
      <w:pPr>
        <w:spacing w:line="48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>Oleh :</w:t>
      </w:r>
    </w:p>
    <w:p w:rsidR="005076BA" w:rsidRDefault="005076BA" w:rsidP="005076BA">
      <w:pPr>
        <w:pStyle w:val="ListParagraph"/>
        <w:spacing w:line="48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>Nama : ARIEF RACHMAN NUGRAHA</w:t>
      </w:r>
    </w:p>
    <w:p w:rsidR="005076BA" w:rsidRDefault="005076BA" w:rsidP="005076BA">
      <w:pPr>
        <w:pStyle w:val="ListParagraph"/>
        <w:spacing w:line="48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>Npm : 4513210008</w:t>
      </w:r>
    </w:p>
    <w:p w:rsidR="005076BA" w:rsidRDefault="005076BA" w:rsidP="005076BA">
      <w:pPr>
        <w:autoSpaceDE w:val="0"/>
        <w:autoSpaceDN w:val="0"/>
        <w:adjustRightInd w:val="0"/>
        <w:spacing w:after="0"/>
        <w:rPr>
          <w:rFonts w:ascii="Times New Roman" w:hAnsi="Times New Roman" w:cs="Times New Roman"/>
          <w:b/>
          <w:bCs/>
          <w:sz w:val="24"/>
          <w:szCs w:val="24"/>
        </w:rPr>
      </w:pPr>
    </w:p>
    <w:p w:rsidR="005076BA" w:rsidRDefault="005076BA" w:rsidP="005076BA">
      <w:pPr>
        <w:autoSpaceDE w:val="0"/>
        <w:autoSpaceDN w:val="0"/>
        <w:adjustRightInd w:val="0"/>
        <w:spacing w:after="0"/>
        <w:rPr>
          <w:rFonts w:ascii="Times New Roman" w:hAnsi="Times New Roman" w:cs="Times New Roman"/>
          <w:b/>
          <w:bCs/>
          <w:sz w:val="24"/>
          <w:szCs w:val="24"/>
        </w:rPr>
      </w:pPr>
    </w:p>
    <w:p w:rsidR="005076BA" w:rsidRPr="00A61FA0" w:rsidRDefault="005076BA" w:rsidP="005076BA">
      <w:pPr>
        <w:autoSpaceDE w:val="0"/>
        <w:autoSpaceDN w:val="0"/>
        <w:adjustRightInd w:val="0"/>
        <w:spacing w:after="0"/>
        <w:rPr>
          <w:rFonts w:ascii="Times New Roman" w:hAnsi="Times New Roman" w:cs="Times New Roman"/>
          <w:b/>
          <w:bCs/>
          <w:sz w:val="24"/>
          <w:szCs w:val="24"/>
        </w:rPr>
      </w:pPr>
    </w:p>
    <w:p w:rsidR="005076BA" w:rsidRPr="00A61FA0" w:rsidRDefault="005076BA" w:rsidP="005076BA">
      <w:pPr>
        <w:autoSpaceDE w:val="0"/>
        <w:autoSpaceDN w:val="0"/>
        <w:adjustRightInd w:val="0"/>
        <w:spacing w:after="0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A61FA0">
        <w:rPr>
          <w:rFonts w:ascii="Times New Roman" w:hAnsi="Times New Roman" w:cs="Times New Roman"/>
          <w:b/>
          <w:bCs/>
          <w:sz w:val="24"/>
          <w:szCs w:val="24"/>
        </w:rPr>
        <w:t>PROGRAM STUDI TEKNIK INFORMATIKA</w:t>
      </w:r>
    </w:p>
    <w:p w:rsidR="005076BA" w:rsidRPr="00A61FA0" w:rsidRDefault="005076BA" w:rsidP="005076BA">
      <w:pPr>
        <w:autoSpaceDE w:val="0"/>
        <w:autoSpaceDN w:val="0"/>
        <w:adjustRightInd w:val="0"/>
        <w:spacing w:after="0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A61FA0">
        <w:rPr>
          <w:rFonts w:ascii="Times New Roman" w:hAnsi="Times New Roman" w:cs="Times New Roman"/>
          <w:b/>
          <w:bCs/>
          <w:sz w:val="24"/>
          <w:szCs w:val="24"/>
        </w:rPr>
        <w:t>FAKULTAS TEKNIK</w:t>
      </w:r>
    </w:p>
    <w:p w:rsidR="005076BA" w:rsidRPr="00A61FA0" w:rsidRDefault="005076BA" w:rsidP="005076BA">
      <w:pPr>
        <w:autoSpaceDE w:val="0"/>
        <w:autoSpaceDN w:val="0"/>
        <w:adjustRightInd w:val="0"/>
        <w:spacing w:after="0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A61FA0">
        <w:rPr>
          <w:rFonts w:ascii="Times New Roman" w:hAnsi="Times New Roman" w:cs="Times New Roman"/>
          <w:b/>
          <w:bCs/>
          <w:sz w:val="24"/>
          <w:szCs w:val="24"/>
        </w:rPr>
        <w:t>UNIVERSITAS PANCASILA</w:t>
      </w:r>
    </w:p>
    <w:p w:rsidR="005076BA" w:rsidRPr="00A61FA0" w:rsidRDefault="005076BA" w:rsidP="005076BA">
      <w:pPr>
        <w:autoSpaceDE w:val="0"/>
        <w:autoSpaceDN w:val="0"/>
        <w:adjustRightInd w:val="0"/>
        <w:spacing w:after="0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A61FA0">
        <w:rPr>
          <w:rFonts w:ascii="Times New Roman" w:hAnsi="Times New Roman" w:cs="Times New Roman"/>
          <w:b/>
          <w:bCs/>
          <w:sz w:val="24"/>
          <w:szCs w:val="24"/>
        </w:rPr>
        <w:t>JAKARTA</w:t>
      </w:r>
    </w:p>
    <w:p w:rsidR="005076BA" w:rsidRDefault="005076BA" w:rsidP="005076BA">
      <w:pPr>
        <w:autoSpaceDE w:val="0"/>
        <w:autoSpaceDN w:val="0"/>
        <w:adjustRightInd w:val="0"/>
        <w:spacing w:after="0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A61FA0">
        <w:rPr>
          <w:rFonts w:ascii="Times New Roman" w:hAnsi="Times New Roman" w:cs="Times New Roman"/>
          <w:b/>
          <w:bCs/>
          <w:sz w:val="24"/>
          <w:szCs w:val="24"/>
        </w:rPr>
        <w:t>2016</w:t>
      </w:r>
    </w:p>
    <w:p w:rsidR="005076BA" w:rsidRDefault="005076BA" w:rsidP="005076BA">
      <w:pPr>
        <w:autoSpaceDE w:val="0"/>
        <w:autoSpaceDN w:val="0"/>
        <w:adjustRightInd w:val="0"/>
        <w:spacing w:after="0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A2415D" w:rsidRDefault="00A2415D">
      <w:pPr>
        <w:rPr>
          <w:rFonts w:ascii="Times New Roman" w:hAnsi="Times New Roman"/>
          <w:b/>
          <w:sz w:val="24"/>
        </w:rPr>
      </w:pPr>
    </w:p>
    <w:p w:rsidR="00A2415D" w:rsidRDefault="00A2415D" w:rsidP="00A2415D">
      <w:pPr>
        <w:pStyle w:val="ListParagraph"/>
        <w:numPr>
          <w:ilvl w:val="0"/>
          <w:numId w:val="1"/>
        </w:numPr>
        <w:rPr>
          <w:rFonts w:ascii="Times New Roman" w:hAnsi="Times New Roman"/>
          <w:sz w:val="24"/>
        </w:rPr>
      </w:pPr>
      <w:r>
        <w:rPr>
          <w:rFonts w:ascii="Times New Roman" w:hAnsi="Times New Roman"/>
          <w:sz w:val="24"/>
        </w:rPr>
        <w:lastRenderedPageBreak/>
        <w:t>Membuat apliaksi project java web menggunakan maven</w:t>
      </w:r>
    </w:p>
    <w:p w:rsidR="00A2415D" w:rsidRDefault="00A2415D" w:rsidP="00A2415D">
      <w:pPr>
        <w:ind w:left="720"/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b/>
          <w:sz w:val="24"/>
        </w:rPr>
        <w:t>Pom.xml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8666"/>
      </w:tblGrid>
      <w:tr w:rsidR="00A2415D" w:rsidTr="0010345A">
        <w:tc>
          <w:tcPr>
            <w:tcW w:w="8522" w:type="dxa"/>
          </w:tcPr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>&lt;?xml version="1.0" encoding="UTF-8"?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>&lt;project xmlns="http://maven.apache.org/POM/4.0.0" xmlns:xsi="http://www.w3.org/2001/XMLSchema-instance" xsi:schemaLocation="http://maven.apache.org/POM/4.0.0 http://maven.apache.org/xsd/maven-4.0.0.xsd"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modelVersion&gt;4.0.0&lt;/model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groupId&gt;com.mycompany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artifactId&gt;Praktikum-1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version&gt;1.0-SNAPSHOT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packaging&gt;war&lt;/packaging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name&gt;Praktikum-1&lt;/name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propertie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endorsed.dir&gt;${project.build.directory}/endorsed&lt;/endorsed.dir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project.build.sourceEncoding&gt;UTF-8&lt;/project.build.sourceEncoding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/propertie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dependencie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dependency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groupId&gt;javax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artifactId&gt;javaee-web-api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version&gt;7.0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scope&gt;provided&lt;/scope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/dependency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/dependencie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buil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plugin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groupId&gt;org.apache.maven.plugins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artifactId&gt;maven-compiler-plugin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version&gt;3.1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source&gt;1.7&lt;/source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target&gt;1.7&lt;/target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compilerArgument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endorseddirs&gt;${endorsed.dir}&lt;/endorseddir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/compilerArgument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/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/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groupId&gt;org.apache.maven.plugins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artifactId&gt;maven-war-plugin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version&gt;2.3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lastRenderedPageBreak/>
              <w:t xml:space="preserve">                    &lt;failOnMissingWebXml&gt;false&lt;/failOnMissingWebXml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/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/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groupId&gt;org.apache.maven.plugins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artifactId&gt;maven-dependency-plugin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version&gt;2.6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execution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execu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phase&gt;validate&lt;/phase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goal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&lt;goal&gt;copy&lt;/goal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/goal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&lt;outputDirectory&gt;${endorsed.dir}&lt;/outputDirectory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&lt;silent&gt;true&lt;/silent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&lt;artifactItem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&lt;artifactItem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    &lt;groupId&gt;javax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    &lt;artifactId&gt;javaee-endorsed-api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    &lt;version&gt;7.0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    &lt;type&gt;jar&lt;/type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&lt;/artifactItem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&lt;/artifactItem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/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/execu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/execution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/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/plugin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/buil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</w:p>
          <w:p w:rsidR="00A2415D" w:rsidRDefault="00A2415D" w:rsidP="00A2415D">
            <w:pPr>
              <w:rPr>
                <w:rFonts w:ascii="Times New Roman" w:hAnsi="Times New Roman"/>
                <w:sz w:val="24"/>
              </w:rPr>
            </w:pPr>
            <w:r w:rsidRPr="00A2415D">
              <w:rPr>
                <w:rFonts w:ascii="Courier New" w:hAnsi="Courier New"/>
              </w:rPr>
              <w:t>&lt;/project&gt;</w:t>
            </w:r>
          </w:p>
        </w:tc>
      </w:tr>
    </w:tbl>
    <w:p w:rsidR="00A2415D" w:rsidRPr="00A2415D" w:rsidRDefault="00A2415D" w:rsidP="00A2415D">
      <w:pPr>
        <w:ind w:left="720"/>
        <w:rPr>
          <w:rFonts w:ascii="Times New Roman" w:hAnsi="Times New Roman"/>
          <w:sz w:val="24"/>
        </w:rPr>
      </w:pPr>
    </w:p>
    <w:p w:rsidR="00A2415D" w:rsidRDefault="00A2415D">
      <w:pPr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sz w:val="24"/>
        </w:rPr>
        <w:tab/>
      </w:r>
      <w:r>
        <w:rPr>
          <w:rFonts w:ascii="Times New Roman" w:hAnsi="Times New Roman"/>
          <w:b/>
          <w:sz w:val="24"/>
        </w:rPr>
        <w:t>Coba.html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6"/>
      </w:tblGrid>
      <w:tr w:rsidR="0010345A" w:rsidTr="0010345A">
        <w:tc>
          <w:tcPr>
            <w:tcW w:w="9242" w:type="dxa"/>
          </w:tcPr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&lt;!DOCTYPE html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&lt;html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&lt;head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    &lt;title&gt;tugas 1_Pemrograman 4&lt;/title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    &lt;meta http-equiv="Content-Type" content="text/html; charset=UTF-8"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&lt;/head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&lt;body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    &lt;h1&gt;Hello, ini jawaban Prak1&lt;/h1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&lt;/body&gt;</w:t>
            </w:r>
          </w:p>
          <w:p w:rsidR="0010345A" w:rsidRDefault="0010345A" w:rsidP="0010345A">
            <w:pPr>
              <w:rPr>
                <w:rFonts w:ascii="Times New Roman" w:hAnsi="Times New Roman"/>
                <w:sz w:val="24"/>
              </w:rPr>
            </w:pPr>
            <w:r w:rsidRPr="0010345A">
              <w:rPr>
                <w:rFonts w:ascii="Courier New" w:hAnsi="Courier New"/>
              </w:rPr>
              <w:t>&lt;/html&gt;</w:t>
            </w:r>
          </w:p>
        </w:tc>
      </w:tr>
    </w:tbl>
    <w:p w:rsidR="00A2415D" w:rsidRDefault="00A2415D">
      <w:pPr>
        <w:rPr>
          <w:rFonts w:ascii="Times New Roman" w:hAnsi="Times New Roman"/>
          <w:sz w:val="24"/>
        </w:rPr>
      </w:pPr>
    </w:p>
    <w:p w:rsidR="0010345A" w:rsidRDefault="0010345A">
      <w:pPr>
        <w:rPr>
          <w:rFonts w:ascii="Times New Roman" w:hAnsi="Times New Roman"/>
          <w:sz w:val="24"/>
        </w:rPr>
      </w:pPr>
    </w:p>
    <w:p w:rsidR="0010345A" w:rsidRDefault="0010345A">
      <w:pPr>
        <w:rPr>
          <w:rFonts w:ascii="Times New Roman" w:hAnsi="Times New Roman"/>
          <w:sz w:val="24"/>
        </w:rPr>
      </w:pPr>
      <w:r>
        <w:rPr>
          <w:rFonts w:ascii="Times New Roman" w:hAnsi="Times New Roman"/>
          <w:noProof/>
          <w:sz w:val="24"/>
          <w:lang w:val="en-US" w:eastAsia="en-US"/>
        </w:rPr>
        <w:lastRenderedPageBreak/>
        <w:drawing>
          <wp:inline distT="0" distB="0" distL="0" distR="0">
            <wp:extent cx="5731510" cy="3222625"/>
            <wp:effectExtent l="19050" t="0" r="2540" b="0"/>
            <wp:docPr id="1" name="Picture 0" descr="screenshot-halo-451321000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screenshot-halo-4513210002.png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222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0345A" w:rsidRDefault="0010345A">
      <w:pPr>
        <w:rPr>
          <w:rFonts w:ascii="Times New Roman" w:hAnsi="Times New Roman"/>
          <w:sz w:val="24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6"/>
      </w:tblGrid>
      <w:tr w:rsidR="0010345A" w:rsidTr="0010345A">
        <w:tc>
          <w:tcPr>
            <w:tcW w:w="9242" w:type="dxa"/>
          </w:tcPr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cd D:\ADAM NUGROHO\KULIAH\KULIAH SEMESTER 6\Pemrograman 4\Tugas\Tugas 1\Praktikum-1; "JAVA_HOME=C:\\Program Files (x86)\\Java\\jdk1.8.0_20" cmd /c "\"\"C:\\Program Files (x86)\\NetBeans 8.0.2\\java\\maven\\bin\\mvn.bat\" -Dnetbeans.deploy=true -Dnetbeans.deploy.clientUrlPart=/coba.html -Dmaven.ext.class.path=\"C:\\Program Files (x86)\\NetBeans 8.0.2\\java\\maven-nblib\\netbeans-eventspy.jar\" -Dfile.encoding=UTF-8 package\""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Scanning for projects...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                                                                    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Building Praktikum-1 1.0-SNAPSHOT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dependency-plugin:2.6:copy (default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resources-plugin:2.5:resources (default-resources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[debug] execute contextualiz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Using 'UTF-8' encoding to copy filtered resources.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Copying 0 resourc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compiler-plugin:3.1:compile (default-compile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Nothing to compile - all classes are up to dat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resources-plugin:2.5:testResources (default-testResources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[debug] execute contextualiz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Using 'UTF-8' encoding to copy filtered resources.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lastRenderedPageBreak/>
              <w:t>skip non existing resourceDirectory D:\ADAM NUGROHO\KULIAH\KULIAH SEMESTER 6\Pemrograman 4\Tugas\Tugas 1\Praktikum-1\src\test\resources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compiler-plugin:3.1:testCompile (default-testCompile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No sources to compil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surefire-plugin:2.10:test (default-test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Surefire report directory: D:\ADAM NUGROHO\KULIAH\KULIAH SEMESTER 6\Pemrograman 4\Tugas\Tugas 1\Praktikum-1\target\surefire-reports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T E S T S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Results :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Tests run: 0, Failures: 0, Errors: 0, Skipped: 0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war-plugin:2.3:war (default-war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Packaging webapp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Assembling webapp [Praktikum-1] in [D:\ADAM NUGROHO\KULIAH\KULIAH SEMESTER 6\Pemrograman 4\Tugas\Tugas 1\Praktikum-1\target\Praktikum-1-1.0-SNAPSHOT]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Processing war project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Copying webapp resources [D:\ADAM NUGROHO\KULIAH\KULIAH SEMESTER 6\Pemrograman 4\Tugas\Tugas 1\Praktikum-1\src\main\webapp]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Webapp assembled in [30 msecs]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Building war: D:\ADAM NUGROHO\KULIAH\KULIAH SEMESTER 6\Pemrograman 4\Tugas\Tugas 1\Praktikum-1\target\Praktikum-1-1.0-SNAPSHOT.war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BUILD SUCCESS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Total time: 3.802s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Finished at: Fri Apr 01 16:16:18 ICT 2016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Final Memory: 9M/21M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NetBeans: Deploying on GlassFish Server 4.1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profile mode: fals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debug mode: fals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force redeploy: tru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Undeploying ...</w:t>
            </w:r>
          </w:p>
          <w:p w:rsidR="0010345A" w:rsidRDefault="0010345A" w:rsidP="0010345A">
            <w:pPr>
              <w:rPr>
                <w:rFonts w:ascii="Times New Roman" w:hAnsi="Times New Roman"/>
                <w:sz w:val="24"/>
              </w:rPr>
            </w:pPr>
            <w:r w:rsidRPr="0010345A">
              <w:rPr>
                <w:rFonts w:ascii="Courier New" w:hAnsi="Courier New"/>
              </w:rPr>
              <w:t>In-place deployment at D:\ADAM NUGROHO\KULIAH\KULIAH SEMESTER 6\Pemrograman 4\Tugas\Tugas 1\Praktikum-1\target\Praktikum-1-1.0-SNAPSHOT</w:t>
            </w:r>
          </w:p>
        </w:tc>
      </w:tr>
    </w:tbl>
    <w:p w:rsidR="0010345A" w:rsidRDefault="0010345A">
      <w:pPr>
        <w:rPr>
          <w:rFonts w:ascii="Times New Roman" w:hAnsi="Times New Roman"/>
          <w:sz w:val="24"/>
        </w:rPr>
      </w:pPr>
    </w:p>
    <w:p w:rsidR="0010345A" w:rsidRDefault="0010345A" w:rsidP="0010345A">
      <w:pPr>
        <w:pStyle w:val="ListParagraph"/>
        <w:numPr>
          <w:ilvl w:val="0"/>
          <w:numId w:val="1"/>
        </w:numPr>
        <w:rPr>
          <w:rFonts w:ascii="Times New Roman" w:hAnsi="Times New Roman"/>
          <w:sz w:val="24"/>
        </w:rPr>
      </w:pPr>
      <w:r>
        <w:rPr>
          <w:rFonts w:ascii="Times New Roman" w:hAnsi="Times New Roman"/>
          <w:sz w:val="24"/>
        </w:rPr>
        <w:t xml:space="preserve">Membuat java servlet dengan mengkonversi huruf kapital </w:t>
      </w:r>
    </w:p>
    <w:p w:rsidR="0010345A" w:rsidRDefault="0010345A" w:rsidP="0010345A">
      <w:pPr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b/>
          <w:sz w:val="24"/>
        </w:rPr>
        <w:lastRenderedPageBreak/>
        <w:t>Prak1_servlet.java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6"/>
      </w:tblGrid>
      <w:tr w:rsidR="0010345A" w:rsidTr="0010345A">
        <w:tc>
          <w:tcPr>
            <w:tcW w:w="9242" w:type="dxa"/>
          </w:tcPr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/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 To change this license header, choose License Headers in Project Properties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 To change this template file, choose Tools | Template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 and open the template in the editor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.io.IOException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.io.PrintWriter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x.servlet.ServletException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x.servlet.annotation.WebServlet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x.servlet.http.HttpServlet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x.servlet.http.HttpServletRequest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x.servlet.http.HttpServletResponse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/*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 @author ADAM01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@WebServlet(urlPatterns = {"/Prak1_servlet"})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public class Prak1_servlet extends HttpServlet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/*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Processes requests for both HTTP &lt;code&gt;GET&lt;/code&gt; and &lt;code&gt;POST&lt;/code&gt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methods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quest servlet request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sponse servlet respons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ServletException if a servlet-specific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IOException if an I/O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protected void processRequest(HttpServletRequest request, HttpServletResponse response)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throws ServletException, IOException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response.setContentType("text/html;charset=UTF-8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try (PrintWriter out = response.getWriter())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/* TODO output your page here. You may use following sample code.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!DOCTYPE html&gt;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html&gt;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head&gt;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title&gt;Servlet MyFirstServlet&lt;/title&gt;");            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/head&gt;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            String Kalimat = "halo adam"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"+Kalimat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        //  Mengubah isi String menjadi huruf besar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            String besarA = Kalimat.toUpperCase(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"+besarA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/html&gt;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lastRenderedPageBreak/>
              <w:t xml:space="preserve">        }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}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// &lt;editor-fold defaultstate="collapsed" desc="HttpServlet methods. Click on the + sign on the left to edit the code."&gt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/*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Handles the HTTP &lt;code&gt;GET&lt;/code&gt; method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quest servlet request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sponse servlet respons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ServletException if a servlet-specific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IOException if an I/O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@Overrid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protected void doGet(HttpServletRequest request, HttpServletResponse response)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throws ServletException, IOException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processRequest(request, response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}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/*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Handles the HTTP &lt;code&gt;POST&lt;/code&gt; method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quest servlet request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sponse servlet respons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ServletException if a servlet-specific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IOException if an I/O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@Overrid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protected void doPost(HttpServletRequest request, HttpServletResponse response)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throws ServletException, IOException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processRequest(request, response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}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/*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Returns a short description of the servlet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return a String containing servlet description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@Overrid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public String getServletInfo()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return "Short description"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}// &lt;/editor-fold&gt;</w:t>
            </w:r>
          </w:p>
          <w:p w:rsidR="0010345A" w:rsidRDefault="0010345A" w:rsidP="0010345A">
            <w:pPr>
              <w:rPr>
                <w:rFonts w:ascii="Times New Roman" w:hAnsi="Times New Roman"/>
                <w:b/>
                <w:sz w:val="24"/>
              </w:rPr>
            </w:pPr>
            <w:r w:rsidRPr="00980333">
              <w:rPr>
                <w:rFonts w:ascii="Courier New" w:hAnsi="Courier New"/>
                <w:b/>
              </w:rPr>
              <w:t>}</w:t>
            </w:r>
          </w:p>
        </w:tc>
      </w:tr>
    </w:tbl>
    <w:p w:rsidR="0010345A" w:rsidRDefault="0010345A" w:rsidP="0010345A">
      <w:pPr>
        <w:rPr>
          <w:rFonts w:ascii="Times New Roman" w:hAnsi="Times New Roman"/>
          <w:b/>
          <w:sz w:val="24"/>
        </w:rPr>
      </w:pPr>
    </w:p>
    <w:p w:rsidR="00980333" w:rsidRDefault="00980333" w:rsidP="0010345A">
      <w:pPr>
        <w:rPr>
          <w:rFonts w:ascii="Times New Roman" w:hAnsi="Times New Roman"/>
          <w:b/>
          <w:sz w:val="24"/>
        </w:rPr>
      </w:pPr>
    </w:p>
    <w:p w:rsidR="00980333" w:rsidRDefault="00980333" w:rsidP="0010345A">
      <w:pPr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b/>
          <w:noProof/>
          <w:sz w:val="24"/>
          <w:lang w:val="en-US" w:eastAsia="en-US"/>
        </w:rPr>
        <w:lastRenderedPageBreak/>
        <w:drawing>
          <wp:inline distT="0" distB="0" distL="0" distR="0">
            <wp:extent cx="5730703" cy="3331029"/>
            <wp:effectExtent l="19050" t="0" r="3347" b="0"/>
            <wp:docPr id="2" name="Picture 1" descr="screenshot-haloADAM-451321000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screenshot-haloADAM-4513210002.png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3314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980333" w:rsidRDefault="00980333" w:rsidP="0010345A">
      <w:pPr>
        <w:rPr>
          <w:rFonts w:ascii="Times New Roman" w:hAnsi="Times New Roman"/>
          <w:b/>
          <w:sz w:val="24"/>
        </w:rPr>
      </w:pPr>
    </w:p>
    <w:p w:rsidR="00321948" w:rsidRDefault="00321948" w:rsidP="0010345A">
      <w:pPr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b/>
          <w:sz w:val="24"/>
        </w:rPr>
        <w:t>Deploy file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6"/>
      </w:tblGrid>
      <w:tr w:rsidR="00321948" w:rsidTr="00321948">
        <w:tc>
          <w:tcPr>
            <w:tcW w:w="9242" w:type="dxa"/>
          </w:tcPr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cd D:\ADAM NUGROHO\KULIAH\KULIAH SEMESTER 6\Pemrograman 4\Tugas\Tugas 1\Praktikum-1; "JAVA_HOME=C:\\Program Files (x86)\\Java\\jdk1.8.0_20" cmd /c "\"\"C:\\Program Files (x86)\\NetBeans 8.0.2\\java\\maven\\bin\\mvn.bat\" -Dnetbeans.deploy=true -Dnetbeans.deploy.clientUrlPart=/index.html -Dmaven.ext.class.path=\"C:\\Program Files (x86)\\NetBeans 8.0.2\\java\\maven-nblib\\netbeans-eventspy.jar\" -Dfile.encoding=UTF-8 package\""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Scanning for projects...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 xml:space="preserve">                                                                        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Building Praktikum-1 1.0-SNAPSHOT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dependency-plugin:2.6:copy (default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resources-plugin:2.5:resources (default-resources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[debug] execute contextualiz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Using 'UTF-8' encoding to copy filtered resources.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Copying 0 resourc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compiler-plugin:3.1:compile (default-compile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Nothing to compile - all classes are up to dat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lastRenderedPageBreak/>
              <w:t>--- maven-resources-plugin:2.5:testResources (default-testResources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[debug] execute contextualiz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Using 'UTF-8' encoding to copy filtered resources.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skip non existing resourceDirectory D:\ADAM NUGROHO\KULIAH\KULIAH SEMESTER 6\Pemrograman 4\Tugas\Tugas 1\Praktikum-1\src\test\resources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compiler-plugin:3.1:testCompile (default-testCompile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No sources to compil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surefire-plugin:2.10:test (default-test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Surefire report directory: D:\ADAM NUGROHO\KULIAH\KULIAH SEMESTER 6\Pemrograman 4\Tugas\Tugas 1\Praktikum-1\target\surefire-reports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 xml:space="preserve"> T E S T S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Results :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Tests run: 0, Failures: 0, Errors: 0, Skipped: 0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war-plugin:2.3:war (default-war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Packaging webapp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Assembling webapp [Praktikum-1] in [D:\ADAM NUGROHO\KULIAH\KULIAH SEMESTER 6\Pemrograman 4\Tugas\Tugas 1\Praktikum-1\target\Praktikum-1-1.0-SNAPSHOT]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Processing war project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Copying webapp resources [D:\ADAM NUGROHO\KULIAH\KULIAH SEMESTER 6\Pemrograman 4\Tugas\Tugas 1\Praktikum-1\src\main\webapp]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Webapp assembled in [31 msecs]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Building war: D:\ADAM NUGROHO\KULIAH\KULIAH SEMESTER 6\Pemrograman 4\Tugas\Tugas 1\Praktikum-1\target\Praktikum-1-1.0-SNAPSHOT.war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BUILD SUCCESS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Total time: 2.277s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Finished at: Fri Apr 01 15:32:14 ICT 2016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Final Memory: 9M/21M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NetBeans: Deploying on GlassFish Server 4.1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 xml:space="preserve">    profile mode: fals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 xml:space="preserve">    debug mode: fals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 xml:space="preserve">    force redeploy: tru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Starting GlassFish Server 4.1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GlassFish Server 4.1 is running.</w:t>
            </w:r>
          </w:p>
          <w:p w:rsidR="00321948" w:rsidRDefault="00321948" w:rsidP="00321948">
            <w:pPr>
              <w:rPr>
                <w:rFonts w:ascii="Times New Roman" w:hAnsi="Times New Roman"/>
                <w:sz w:val="24"/>
              </w:rPr>
            </w:pPr>
            <w:r w:rsidRPr="00321948">
              <w:rPr>
                <w:rFonts w:ascii="Courier New" w:hAnsi="Courier New"/>
              </w:rPr>
              <w:lastRenderedPageBreak/>
              <w:t>In-place deployment at D:\ADAM NUGROHO\KULIAH\KULIAH SEMESTER 6\Pemrograman 4\Tugas\Tugas 1\Praktikum-1\target\Praktikum-1-1.0-SNAPSHOT</w:t>
            </w:r>
          </w:p>
        </w:tc>
      </w:tr>
    </w:tbl>
    <w:p w:rsidR="00321948" w:rsidRPr="00321948" w:rsidRDefault="00321948" w:rsidP="0010345A">
      <w:pPr>
        <w:rPr>
          <w:rFonts w:ascii="Times New Roman" w:hAnsi="Times New Roman"/>
          <w:sz w:val="24"/>
        </w:rPr>
      </w:pPr>
    </w:p>
    <w:p w:rsidR="00980333" w:rsidRDefault="00321948" w:rsidP="0010345A">
      <w:pPr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b/>
          <w:sz w:val="24"/>
        </w:rPr>
        <w:t>U</w:t>
      </w:r>
      <w:r w:rsidR="00980333">
        <w:rPr>
          <w:rFonts w:ascii="Times New Roman" w:hAnsi="Times New Roman"/>
          <w:b/>
          <w:sz w:val="24"/>
        </w:rPr>
        <w:t>ndeploy log file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6"/>
      </w:tblGrid>
      <w:tr w:rsidR="00980333" w:rsidTr="00980333">
        <w:tc>
          <w:tcPr>
            <w:tcW w:w="9242" w:type="dxa"/>
          </w:tcPr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cd D:\Data Arief\Universitas Pancasila\Semester VI\Pemrograman 4\Praktikum\Praktikum1; "JAVA_HOME=C:\\Program Files (x86)\\Java\\jdk1.8.0_20" cmd /c "\"\"C:\\Program Files (x86)\\NetBeans 8.0.2\\java\\maven\\bin\\mvn.bat\" -Dnetbeans.deploy=true -Dnetbeans.deploy.clientUrlPart=/index.html -Dmaven.ext.class.path=\"C:\\Program Files (x86)\\NetBeans 8.0.2\\java\\maven-nblib\\netbeans-eventspy.jar\" -Dfile.encoding=UTF-8 package\""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Scanning for projects...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 xml:space="preserve">                                                                        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Building Praktikum-1 1.0-SNAPSHOT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 maven-dependency-plugin:2.6:copy (default) @ Praktikum-1 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 maven-resources-plugin:2.5:resources (default-resources) @ Praktikum-1 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[debug] execute contextualize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Using 'UTF-8' encoding to copy filtered resources.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Copying 0 resource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 maven-compiler-plugin:3.1:compile (default-compile) @ Praktikum-1 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Nothing to compile - all classes are up to date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 maven-resources-plugin:2.5:testResources (default-testResources) @ Praktikum-1 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[debug] execute contextualize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Using 'UTF-8' encoding to copy filtered resources.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skip non existing resourceDirectory D:\Data Arief\Universitas Pancasila\Semester VI\Pemrograman 4\Praktikum\Praktikum1\src\test\resources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 maven-compiler-plugin:3.1:testCompile (default-testCompile) @ Praktikum-1 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No sources to compile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 maven-surefire-plugin:2.10:test (default-test) @ Praktikum-1 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Surefire report directory: D:\Data Arief\Universitas Pancasila\Semester VI\Pemrograman 4\Praktikum\Praktikum1\target\surefire-reports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-------------------------------------------------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 xml:space="preserve"> T E S T S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lastRenderedPageBreak/>
              <w:t>----------------------------------------------------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Results :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Tests run: 0, Failures: 0, Errors: 0, Skipped: 0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 maven-war-plugin:2.3:war (default-war) @ Praktikum-1 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Packaging webapp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Assembling webapp [Praktikum-1] in [D:\Data Arief\Universitas Pancasila\Semester VI\Pemrograman 4\Praktikum\Praktikum1\target\Praktikum-1-1.0-SNAPSHOT]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Processing war project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Copying webapp resources [D:\Data Arief\Universitas Pancasila\Semester VI\Pemrograman 4\Praktikum\Praktikum1\src\main\webapp]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Webapp assembled in [31 msecs]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Building war: D:\Data Arief\Universitas Pancasila\Semester VI\Pemrograman 4\Praktikum\Praktikum1\target\Praktikum-1-1.0-SNAPSHOT.war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BUILD SUCCESS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Total time: 2.277s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Finished at: Fri Apr 01 15:32:14 ICT 2016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Final Memory: 9M/21M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NetBeans: Deploying on GlassFish Server 4.1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 xml:space="preserve">    profile mode: false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 xml:space="preserve">    debug mode: false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 xml:space="preserve">    force redeploy: true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Starting GlassFish Server 4.1</w:t>
            </w:r>
          </w:p>
          <w:p w:rsidR="000E0CDE" w:rsidRPr="000E0CDE" w:rsidRDefault="000E0CDE" w:rsidP="000E0CDE">
            <w:pPr>
              <w:rPr>
                <w:rFonts w:ascii="Courier New" w:hAnsi="Courier New"/>
              </w:rPr>
            </w:pPr>
            <w:r w:rsidRPr="000E0CDE">
              <w:rPr>
                <w:rFonts w:ascii="Courier New" w:hAnsi="Courier New"/>
              </w:rPr>
              <w:t>GlassFish Server 4.1 is running.</w:t>
            </w:r>
          </w:p>
          <w:p w:rsidR="00980333" w:rsidRDefault="000E0CDE" w:rsidP="000E0CDE">
            <w:pPr>
              <w:rPr>
                <w:rFonts w:ascii="Times New Roman" w:hAnsi="Times New Roman"/>
                <w:sz w:val="24"/>
              </w:rPr>
            </w:pPr>
            <w:r w:rsidRPr="000E0CDE">
              <w:rPr>
                <w:rFonts w:ascii="Courier New" w:hAnsi="Courier New"/>
              </w:rPr>
              <w:t>In-place deployment at D:\Data Arief\Universitas Pancasila\Semester VI\Pemrograman 4\Praktikum\Praktikum1\target\Praktikum-1-1.0-SNAPSHOT</w:t>
            </w:r>
          </w:p>
        </w:tc>
      </w:tr>
      <w:tr w:rsidR="00980333" w:rsidTr="00980333">
        <w:tc>
          <w:tcPr>
            <w:tcW w:w="9242" w:type="dxa"/>
          </w:tcPr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>----------------------------------------------------------------------------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&gt;Log Session: Friday, April 1, 2016 3:21:22 PM IC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&gt;System Info: 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Product Version         = NetBeans IDE 8.0.2 (Build 201411181905) (#8230772f5f18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Operating System        = Windows 7 version 6.1 running on x86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Java; VM; Vendor        = 1.8.0_20; Java HotSpot(TM) Client VM 25.20-b23; Oracle Corporation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Runtime                 = Java(TM) SE Runtime Environment 1.8.0_20-b26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Java Home               = C:\Program Files (x86)\Java\jdk1.8.0_20\jr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System Locale; Encoding = en_US (nb); Cp1252</w:t>
            </w:r>
          </w:p>
          <w:p w:rsidR="00980333" w:rsidRPr="000E0CDE" w:rsidRDefault="00980333" w:rsidP="00980333">
            <w:pPr>
              <w:rPr>
                <w:rFonts w:ascii="Courier New" w:hAnsi="Courier New"/>
                <w:lang w:val="en-US"/>
              </w:rPr>
            </w:pPr>
            <w:r w:rsidRPr="00980333">
              <w:rPr>
                <w:rFonts w:ascii="Courier New" w:hAnsi="Courier New"/>
              </w:rPr>
              <w:t xml:space="preserve">  Home Directory          = C:\Users\</w:t>
            </w:r>
            <w:r w:rsidR="000E0CDE">
              <w:rPr>
                <w:rFonts w:ascii="Courier New" w:hAnsi="Courier New"/>
                <w:lang w:val="en-US"/>
              </w:rPr>
              <w:t>ARIEF RN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Current Directory       = C:\Program Files (x86)\NetBeans 8.0.2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 xml:space="preserve">  User Directory          = C:\Users\ADAM01\AppData\Roaming\NetBeans\8.0.2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Cache Directory         = C:\Users\ADAM01\AppData\Local\NetBeans\Cache\8.0.2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Installation            = C:\Program Files (x86)\NetBeans 8.0.2\nb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ergonomic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i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exti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java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apisuppor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webcommon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websvccommon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enterpris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mobility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profile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php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harnes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cnd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dligh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groovy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javacard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javafx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platfor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Boot &amp; Ext. Classpath   = C:\Program Files (x86)\Java\jdk1.8.0_20\jre\lib\resources.jar;C:\Program Files (x86)\Java\jdk1.8.0_20\jre\lib\rt.jar;C:\Program Files (x86)\Java\jdk1.8.0_20\jre\lib\sunrsasign.jar;C:\Program Files (x86)\Java\jdk1.8.0_20\jre\lib\jsse.jar;C:\Program Files (x86)\Java\jdk1.8.0_20\jre\lib\jce.jar;C:\Program Files (x86)\Java\jdk1.8.0_20\jre\lib\charsets.jar;C:\Program Files (x86)\Java\jdk1.8.0_20\jre\lib\jfr.jar;C:\Program Files (x86)\Java\jdk1.8.0_20\jre\classes;C:\Program Files (x86)\Java\jdk1.8.0_20\jre\lib\ext\access-bridge-32.jar;C:\Program Files (x86)\Java\jdk1.8.0_20\jre\lib\ext\cldrdata.jar;C:\Program Files (x86)\Java\jdk1.8.0_20\jre\lib\ext\dnsns.jar;C:\Program Files (x86)\Java\jdk1.8.0_20\jre\lib\ext\jaccess.jar;C:\Program </w:t>
            </w:r>
            <w:r w:rsidRPr="00980333">
              <w:rPr>
                <w:rFonts w:ascii="Courier New" w:hAnsi="Courier New"/>
              </w:rPr>
              <w:lastRenderedPageBreak/>
              <w:t>Files (x86)\Java\jdk1.8.0_20\jre\lib\ext\jfxrt.jar;C:\Program Files (x86)\Java\jdk1.8.0_20\jre\lib\ext\localedata.jar;C:\Program Files (x86)\Java\jdk1.8.0_20\jre\lib\ext\mysql-connector-java-5.1.23-bin.jar;C:\Program Files (x86)\Java\jdk1.8.0_20\jre\lib\ext\nashorn.jar;C:\Program Files (x86)\Java\jdk1.8.0_20\jre\lib\ext\sunec.jar;C:\Program Files (x86)\Java\jdk1.8.0_20\jre\lib\ext\sunjce_provider.jar;C:\Program Files (x86)\Java\jdk1.8.0_20\jre\lib\ext\sunmscapi.jar;C:\Program Files (x86)\Java\jdk1.8.0_20\jre\lib\ext\sunpkcs11.jar;C:\Program Files (x86)\Java\jdk1.8.0_20\jre\lib\ext\zipfs.ja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Application Classpath   = C:\Program Files (x86)\NetBeans 8.0.2\platform\lib\boot.jar;C:\Program Files (x86)\NetBeans 8.0.2\platform\lib\org-openide-modules.jar;C:\Program Files (x86)\NetBeans 8.0.2\platform\lib\org-openide-util-lookup.jar;C:\Program Files (x86)\NetBeans 8.0.2\platform\lib\org-openide-util.jar;C:\Program Files (x86)\NetBeans 8.0.2\platform\lib\locale\boot_ja.jar;C:\Program Files (x86)\NetBeans 8.0.2\platform\lib\locale\boot_pt_BR.jar;C:\Program Files (x86)\NetBeans 8.0.2\platform\lib\locale\boot_ru.jar;C:\Program Files (x86)\NetBeans 8.0.2\platform\lib\locale\boot_zh_CN.jar;C:\Program Files (x86)\NetBeans 8.0.2\platform\lib\locale\org-openide-modules_ja.jar;C:\Program Files (x86)\NetBeans 8.0.2\platform\lib\locale\org-openide-modules_pt_BR.jar;C:\Program Files (x86)\NetBeans 8.0.2\platform\lib\locale\org-openide-modules_ru.jar;C:\Program Files (x86)\NetBeans 8.0.2\platform\lib\locale\org-openide-modules_zh_CN.jar;C:\Program Files (x86)\NetBeans 8.0.2\platform\lib\locale\org-openide-util-lookup_ja.jar;C:\Program Files (x86)\NetBeans 8.0.2\platform\lib\locale\org-openide-util-lookup_pt_BR.jar;C:\Program Files (x86)\NetBeans 8.0.2\platform\lib\locale\org-openide-util-lookup_ru.jar;C:\Program Files (x86)\NetBeans 8.0.2\platform\lib\locale\org-openide-util-lookup_zh_CN.jar;C:\Program Files (x86)\NetBeans 8.0.2\platform\lib\locale\org-openide-util_ja.jar;C:\Program Files (x86)\NetBeans 8.0.2\platform\lib\locale\org-openide-util_pt_BR.jar;C:\Program Files (x86)\NetBeans 8.0.2\platform\lib\locale\org-openide-util_ru.jar;C:\Program Files (x86)\NetBeans 8.0.2\platform\lib\locale\org-openide-util_zh_CN.jar;C:\Program Files (x86)\Java\jdk1.8.0_20\lib\dt.jar;C:\Program Files (x86)\Java\jdk1.8.0_20\lib\tools.ja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Startup Classpath       = C:\Program Files (x86)\NetBeans 8.0.2\platform\core\core.jar;C:\Program Files (x86)\NetBeans 8.0.2\platform\core\org-openide-filesystems.jar;C:\Program Files (x86)\NetBeans 8.0.2\platform\core\locale\core_ja.jar;C:\Program Files (x86)\NetBeans 8.0.2\platform\core\locale\core_pt_BR.jar;C:\Program Files (x86)\NetBeans 8.0.2\platform\core\locale\core_ru.jar;C:\Program Files (x86)\NetBeans 8.0.2\platform\core\locale\core_zh_CN.jar;C:\Program Files (x86)\NetBeans 8.0.2\platform\core\locale\org-openide-filesystems_ja.jar;C:\Program Files (x86)\NetBeans 8.0.2\platform\core\locale\org-openide-</w:t>
            </w:r>
            <w:r w:rsidRPr="00980333">
              <w:rPr>
                <w:rFonts w:ascii="Courier New" w:hAnsi="Courier New"/>
              </w:rPr>
              <w:lastRenderedPageBreak/>
              <w:t>filesystems_pt_BR.jar;C:\Program Files (x86)\NetBeans 8.0.2\platform\core\locale\org-openide-filesystems_ru.jar;C:\Program Files (x86)\NetBeans 8.0.2\platform\core\locale\org-openide-filesystems_zh_CN.jar;C:\Program Files (x86)\NetBeans 8.0.2\nb\core\org-netbeans-upgrader.jar;C:\Program Files (x86)\NetBeans 8.0.2\nb\core\locale\core_nb.jar;C:\Program Files (x86)\NetBeans 8.0.2\nb\core\locale\core_nb_ja.jar;C:\Program Files (x86)\NetBeans 8.0.2\nb\core\locale\core_nb_pt_BR.jar;C:\Program Files (x86)\NetBeans 8.0.2\nb\core\locale\core_nb_ru.jar;C:\Program Files (x86)\NetBeans 8.0.2\nb\core\locale\core_nb_zh_CN.jar;C:\Program Files (x86)\NetBeans 8.0.2\nb\core\locale\org-netbeans-upgrader_ja.jar;C:\Program Files (x86)\NetBeans 8.0.2\nb\core\locale\org-netbeans-upgrader_pt_BR.jar;C:\Program Files (x86)\NetBeans 8.0.2\nb\core\locale\org-netbeans-upgrader_ru.jar;C:\Program Files (x86)\NetBeans 8.0.2\nb\core\locale\org-netbeans-upgrader_zh_CN.ja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-------------------------------------------------------------------------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netbinox]: Install area set to file:/C:/Program Files (x86)/NetBeans 8.0.2/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core.modules]: the modules [org.netbeans.modules.form.nb] use org.jdesktop.layout which is deprecated: Use javax.swing.GroupLayout instead. (In form editor: select Form ... in Inspector; change Layout Generation Style to Standard Java 6 code.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core.modules]: the modules [org.netbeans.modules.java.editor.lib, org.netbeans.modules.web.core.syntax, org.netbeans.modules.xml.text] use org.netbeans.modules.editor.deprecated.pre65formatting which is deprecated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core.modules]: the modules [org.netbeans.modules.ide.kit, org.netbeans.modules.xml.text] use org.netbeans.modules.editor.structure which is deprecated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core.modules]: the modules [org.netbeans.modules.java.hints, org.netbeans.modules.maven.hints, org.netbeans.modules.maven.j2ee, org.netbeans.modules.web.beans] use org.netbeans.modules.java.hints.legacy.spi which is deprecated: Use Java Hints SPI (org.netbeans.spi.java.hints) instead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startup.NbEvents]: Turning on modules: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util.lookup [8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util [8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modules [7.4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annotations.common/1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filesystems [8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awt [7.6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progress/1 [1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dialogs [7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nodes [7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windows [6.7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editor.mimelookup/1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text [6.62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wing.tabcontrol [1.5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wing.outline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explorer [6.5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actions [6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queries/1 [1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loaders [7.5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io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execution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upgrader [4.3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wing.plaf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api/1 [1.60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wing.dirchooser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viewmodel/2 [1.4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tasklist/1 [1.30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quicksearch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palette/1 [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navigator/1 [1.3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settings/1 [1.5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util/1 [1.5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keyring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bootstrap/1 [2.69.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startup/1 [1.55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ampler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/2 [3.4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options.api/1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options.keymap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settings.storage/1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exer/2 [1.5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fold/1 [1.4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lib2/1 [1.85.1.43 4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indent/2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lib/3 [3.49.2.22.43 2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fold.nbui [1.7.1.4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/3 [1.79.1.5.22.43 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avacapi [8.11.1.3 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avacimpl/1 [0.38.1.25 2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nbjavac [1.13.1.2.25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errorstripe.api/1 [2.2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java.classpath/1 [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java/1 [1.5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platform/1 [1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options.editor/1 [1.5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errorstripe/2 [2.30.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iff/1 [1.47.1.42.1 4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guards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.indexingbridge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masterfs/2 [2.48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lucene/3 [3.1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arsing.lucene/2 [2.2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uiapi/1 [1.78.1.8 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arsing.api/1 [1.78.3.8 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refactoring.api [1.40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lassfile/1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indent.project/0 [1.1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multiview/1 [1.4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lexer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preprocessorbridge [1.35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source [0.138.2.32.2.25.8 3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.libraries/1 [1.4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xml.resolver [1.28.1.12 1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xml/1 [1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catalog/2 [1.37.1.4 4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.ant/1 [1.6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search [1.1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options.java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tools.ant.module/3 [3.76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project/1 [1.6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ettings/1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editor.hints/0 [1.35.1.7.43 7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utoupdate.services [1.4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utoupdate.ui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windows/2 [2.7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de.analysis/0 [1.2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java.hints [1.21.1.13.2.25.32.8 1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tools.storage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editor.hints.projects [1.7.1.1.7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debugger/1 [1.46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debugger.ui/1 [2.4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core/2 [1.39.1.4 4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xam/1 [1.2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retriever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schema.model/1 [1.2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axi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bracesmatching/0 [1.34.1.4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deprecated.pre65formatting/0 [1.23.1.1.5.22.43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completion/1 [1.40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editor.codetemplates/1 [1.3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breadcrumbs/0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ui/1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umpto/1 [1.42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actions/1 [1.26.1.4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l.api/2 [2.47.1.2.1.1.8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structure/1 [1.43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lexer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text/2 [1.4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ervletapi/1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tpserver/2 [2.32.1.42 4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sl/1 [1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xdm/1 [1.2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wsdl.model/1 [1.2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xerces/1 [1.35.1.281 28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tax/2 [1.39.1.28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tools/2 [1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tools.java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schema.completion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multiview/1 [1.34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jaxb.api/1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jaxb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hitelist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execution/1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endopts/2 [2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avorites/1 [1.4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ui [1.53.1.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lcome/1 [1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wsstackapi/0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wsitmodelext [3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metadata/0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metadata.model.support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chema2beans/1 [1.4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dd/1 [1.39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core/0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web.webmodule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dd.webservice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jaxws.lightapi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jaxwsmodelapi/1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axb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websvc.jaxws21api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jaxws21/1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jaxwsmodel/1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sourceui/1 [1.38.1.1.32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core.utilities/0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perties/1 [1.5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18n/1 [1.4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utilities/0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apis/1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debugger.jpda/2 [2.4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ide/1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erver/0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server/4 [1.107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jaxwsapi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websvcapi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api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codegen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codegen.java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editor.lib/1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metadata.model/1 [1.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help/1 [2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/1 [1.61.1.30 3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api [1.30.1.3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schema/1 [1.36.1.4.30 4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persistenceapi/1 [1.30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injection [1.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xtexecution/2 [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sf.testrunner/1 [1.4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ototest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refactoring.java/1 [1.51.2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editor/1 [2.60.1.10.1.1 1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clipselink/1 [1.2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persistence [1.46.2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api.common/0 [1.7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ommon [1.7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api.ejbmodule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specs.support/0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xtbrowser/1 [1.4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browser.api [1.4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common/1 [1.10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clientapi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restapi/0 [1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projectapi/0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websvc.core [1.43.1.1.4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visual [2.4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design [1.24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nt.browsetask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project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son_simple/1 [0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antlr3.runtime [1.1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s.lib/1 [1.7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lexer/1 [1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editor.lib/3 [3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indent [1.1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s.model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s.editor/1 [1.6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/1 [1.5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editor/2 [2.4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sf.codecoverage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lientproject.api [1.6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testrunner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unit/2 [2.6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output2/1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terminalemulator [1.3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rminal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ervletjspapi/1 [1.30.1.25 2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glassfish_logging/1 [1.25.1.20 2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pparser/3 [3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project [1.6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wsitconf [3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ui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zvents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zillow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weatherbug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strikeiron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google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flickr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delicious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amazon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multitabs/1 [1.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bookmarks/1 [1.3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plain.lib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com.jcraft.jsch [0.1.49 0.1.49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na/1 [1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light.nativeexecution [1.34.3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dlight.terminal [1.1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asklist.projectint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asklist.todo/1 [1.27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asklist.ui/1 [1.27.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asklist.kit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multitabs.project [1.6.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search [1.19.1.0.43 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anguages.diff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commons.logging [1.1.1 1.1.1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parser/1 [1.2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validation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nashorn/1 [1.1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editor/1 [0.44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prototypejs [0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requirejs [0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extjs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jquery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knockout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kit/1 [0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anguages.manifest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s.visual/3 [3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bytelist/1 [0.24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vyamlb/1 [0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anguages.yaml [2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mage/1 [1.4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kit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int [7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utoupdate.cli [1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osgi [1.1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felix [2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re.kit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faults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int.editor [7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tilities/1 [1.5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sersguide/1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macros/0 [1.27.1.1.22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plain/2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de.kit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kit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codegen.j2ee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restlib/2 [2.6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manager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websvc.editor.hints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metro.model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clipselinkmodelgen/1 [1.2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jpa.refactoring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jpa.verification [1.3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swingx/1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dataview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core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sql.editor [1.32.1.3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drivers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sql.visualeditor/1 [2.27.1.3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mysql [0.24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rby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kit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nt.debugger/1 [1.33.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nt.freeform/1 [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ui.buildmenu/1 [1.23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nt.kit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ant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j2seproject/1 [1.75.2.48 4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webstart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freeform/1 [1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j2seembedded [1.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debug [1.33.1.1.25.32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jdesktop.beansbinding/1 [1.24.1.121 12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examples/1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hints.ui [1.13.1.1.13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navigation/1 [1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indbugs.installer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hints.legacy.spi/1 [1.11.1.1.13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hints/1 [1.76.1.15.10.1.32.1.13 1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hints.declarative/1 [1.16.1.1.15.1.13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j2seprofiles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j2sedeploy [1.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j2seplatform/1 [1.3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doc/1 [1.5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nashorn.execution/1 [1.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eans/1 [1.46.1.1.10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apimodule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bindings.java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java.source.ant [1.26.1.1.32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import.eclipse.core/1 [2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kit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persistence.kit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webkit.debugging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inspect [0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beans/2 [2.15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resources [1.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jbcore [1.4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ddloaders/1 [1.36.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glassfish.sdk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lassfish.common/0 [1.6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sun.dd/1 [1.32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lassfish.eecommon/0 [1.33.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sun.appsrv/1 [1.32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sun.ddui/1 [1.33.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lassfish.javaee/0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genericserver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api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examples/1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debug/1 [1.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avascript.debugger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lientproject [1.5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lient.samples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webkit.tooling [1.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.karma/0 [0.8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netserver [1.1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xtbrowser.chrome [1.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stestdriver [1.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.jstestdriver [0.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lient.kit [1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monitor/1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weblogic9/1 [1.3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l.lexer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sp.lexer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arget.iterator/1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ore/2 [2.31.1.45.2 4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elimpl/1 [1.1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el [1.5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ore.syntax/2 [2.42.1.2.10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refactoring [1.25.1.4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beanvalidation [1.1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languages.apacheconf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wildfly/1 [1.0.2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rest/0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lient.rest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ant [1.33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ocket [1.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projects [1.30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/2 [1.73.3.80 8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ui/1 [1.4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debug/1 [2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loud.common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amazon/1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loud.amazon/0 [1.1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samples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jboss4/1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api/1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freeform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stl/1 [2.34.1.123 12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omcat5/1 [1.4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kit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metro.samples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customization [1.25.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owsm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metro.lib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kit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pisupport.restsample [1.1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rest.samples/0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restkit/0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commons_fileupload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struts/1 [1.32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/1 [1.68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.navigation/1 [2.25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20/1 [1.32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.editor [1.4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12/1 [1.24.1.12 1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12ri/1 [1.24.1.12 1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.kit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primefaces [1.7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.richfaces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.icefaces [1.1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.core/1 [1.21.1.1.42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/1 [1.43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.util [1.60.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am.commons [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versioning.ui/1 [1.18.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.system.cvss.installer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.masterfs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.indexingbridge/0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tilities.project/1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pdatecenters/1 [1.36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uihandler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ihandler [2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ihandler.exceptionreporter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embedder/2 [2.4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indexer/2 [2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commons.codec [1.3.0 1.3.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model/1 [1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wing.validation/2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/2 [2.107.4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testng/1 [1.1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stng [2.1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stng.maven [2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stng.ant [2.1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mplates/1 [1.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am.ide [1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ini4j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svnClientAdapter/1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ubversion [1.37.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cglib/1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springframework/1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ring.beans/0 [1.35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ring.webmvc [1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 [1.31.1.1.7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kit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dictionary_en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perties.syntax/1 [1.4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bindings.properties [1.1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bindings.htmlxml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import.eclipse.web [1.23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import.eclipse.j2se [1.24.1.4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gress.ui [1.2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utilities/1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profiler/1 [1.5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profiler.charts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profiler.common/1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api/1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lib.profiler.ui/1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attach/2 [2.1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selector.api/1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selector.ui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/2 [2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ppoints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stp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snaptracer/1 [1.1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projectsupport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oql/2 [2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oql.language/0 [0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options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categorization.api/1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nbimpl/1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nbmodule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heapwalker [1.9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drilldown/1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kit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j2se/1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j2ee/1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freeform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arsing.ui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notifications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netigso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netbinox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commons.net [3.10.0 3.10.0.20131018-121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tasks.core [3.10.0 3.10.0.20131010-2023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core.jobs [3.5.101 3.5.101.v20120113-1953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wikitext.core [1.9.0 1.9.0.20131007-205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ugtracking [1.102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equinox.common [3.6.0 3.6.0.v20110523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core.runtime [3.7.0 3.7.0.v2011011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ylyn.util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ercurial [1.38.2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spring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coverage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repository/1 [1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graph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grammar/1 [1.42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osgi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refactoring [1.1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checkstyle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kit/1 [4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search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samples/1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maven.profiler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persistence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junit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jaxws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j2ee/1 [1.5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hints/1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sterfs.windows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sterfs.nio2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ugtracking.commons [1.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ocaltasks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ocalhistory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exer.nbbridge/1 [1.28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ko4j.debugging [1.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keyring.fallback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keyring.impl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7.api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source.queries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source.queriesimpl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metrics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guards/0 [0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platform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jbverification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jbrefactoring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jbjarproject [1.5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clientproject [1.44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arproject [1.4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kit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de.ergonomics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utoupdate.pluginimporter [1.1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adlock.detector [1.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de.branding/1 [1.2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de.branding.kit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/2 [1.53.1.4 4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jdesktop.layout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.nb/0 [0.14.1.1.4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18n.form/2 [1.46.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commons_net/2 [2.17.1.33 3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 [2.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ui [1.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tasklist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subversion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mercurial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maven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git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ant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knockout [1.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custom [1.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browser/1 [1.24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html.angular [1.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freemarker/1 [2.30.1.238 23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ibernate4lib/1 [1.4.1.23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ibernate/1 [1.2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ibernateweb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jgit [3.4.1 3.4.1.201406201815-r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na.platform/1 [1.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sch.agentproxy/1 [0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git/1 [1.2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it [1.16.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.refactoring/0 [0.13.1.1.4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.binding/0 [0.13.1.1.4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.kit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.j2ee/0 [0.29.1.1.4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commons.io [1.4 1.4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xtexecution.impl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mimelookup.impl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global.format/1 [1.1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visual/1 [1.13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js/1 [1.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kit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heapwalk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s.prep [1.2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plist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rdova.platforms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rdova.platforms.ios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rdova.platforms.android [1.24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rdova [1.26.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bugzilla.core [3.10.0 3.10.0.20131024-1218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commons.httpclient [3.1.0 3.1.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ugzilla [1.72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ugzilla.exceptionreporter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ugtracking.bridge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nt.grammar/1 [1.4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svnClientAdapter.svnkit/1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svnClientAdapter.javahl/1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avafx [2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network [1.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nativeaccess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io.ui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browser.webview/1 [1.11.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eclipse.mylyn.commons.xmlrpc [3.10.0 3.10.0.20130704-2116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commons.repositories.core [1.2.0 1.2.0.20130704-2116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commons.core [3.10.0 3.10.0.20130926-171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equinox.security [1.1.1 1.1.1.R37x_v20110822-1018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equinox.registry [3.5.200 3.5.200.v20120522-1841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equinox.preferences [3.4.2 3.4.2.v20120111-202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equinox.app [1.3.100 1.3.100.v20110321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core.runtime.compatibility.auth [3.2.200 3.2.200.v2011011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core.net [1.2.100 1.2.100.I20110511-080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core.contenttype [3.4.100 3.4.100.v20110423-0524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xmlrpc [3.0.0 3.0.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ws.commons.util [1.0.1 1.0.1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commons.lang [2.4.0 2.4.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javaewah.dummy [0.7.9 0.7.9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com.jcraft.jzlib [1.0.7 1.0.7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igso.Netigso]: bundle org.eclipse.osgi@3.9.1.v20140110-1610 started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work.proxy.NetworkProxyReloader]: System network proxy resolver: Window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work.proxy.windows.WindowsNetworkProxy]: Windows system proxy resolver: auto detec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work.proxy.NetworkProxyReloader]: System network proxy reloading succeeded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work.proxy.NetworkProxyReloader]: System network proxy - mode: direc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work.proxy.NetworkProxyReloader]: System network proxy: fell to default (correct if direct mode went before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uihandler.Installer]: findIdentity: ba2b6c28-9d3c-4731-b005-9353f39ee864_cf05f078-1f9d-4810-8bfe-c16c6329d621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Diagnostic information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put arguments: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netbeans.importclass=org.netbeans.upgrade.AutoUpgra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netbeans.accept_license_class=org.netbeans.license.AcceptLicens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clien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Xss2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Xms32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XX:PermSize=32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apple.laf.useScreenMenuBar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apple.awt.graphics.UseQuartz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sun.java2d.noddraw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sun.java2d.dpiaware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sun.zip.disableMemoryMapping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Xmx512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jdk.home=C:\Program Files (x86)\Java\jdk1.8.0_20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netbeans.home=C:\Program Files (x86)\NetBeans 8.0.2\platfor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-Dnetbeans.user=C:\Users\ADAM01\AppData\Roaming\NetBeans\8.0.2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netbeans.default_userdir_root=C:\Users\ADAM01\AppData\Roaming\NetBean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XX:+HeapDumpOnOutOfMemoryErro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XX:HeapDumpPath=C:\Users\ADAM01\AppData\Roaming\NetBeans\8.0.2\var\log\heapdump.hprof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sun.awt.keepWorkingSetOnMinimize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netbeans.dirs=C:\Program Files (x86)\NetBeans 8.0.2\nb;C:\Program Files (x86)\NetBeans 8.0.2\ergonomics;C:\Program Files (x86)\NetBeans 8.0.2\ide;C:\Program Files (x86)\NetBeans 8.0.2\extide;C:\Program Files (x86)\NetBeans 8.0.2\java;C:\Program Files (x86)\NetBeans 8.0.2\apisupport;C:\Program Files (x86)\NetBeans 8.0.2\webcommon;C:\Program Files (x86)\NetBeans 8.0.2\websvccommon;C:\Program Files (x86)\NetBeans 8.0.2\enterprise;C:\Program Files (x86)\NetBeans 8.0.2\mobility;C:\Program Files (x86)\NetBeans 8.0.2\profiler;C:\Program Files (x86)\NetBeans 8.0.2\python;C:\Program Files (x86)\NetBeans 8.0.2\php;C:\Program Files (x86)\NetBeans 8.0.2\identity;C:\Program Files (x86)\NetBeans 8.0.2\harness;C:\Program Files (x86)\NetBeans 8.0.2\cnd;C:\Program Files (x86)\NetBeans 8.0.2\dlight;C:\Program Files (x86)\NetBeans 8.0.2\groovy;C:\Program Files (x86)\NetBeans 8.0.2\extra;C:\Program Files (x86)\NetBeans 8.0.2\javacard;C:\Program Files (x86)\NetBeans 8.0.2\javafx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exi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Compiler: HotSpot Client Compile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Heap memory usage: initial 32,0MB maximum 494,9MB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Non heap memory usage: initial 160,0kB maximum -1b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Garbage collector: Copy (Collections=64 Total time spent=0s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Garbage collector: MarkSweepCompact (Collections=3 Total time spent=0s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Classes: loaded=9903 total loaded=9909 unloaded 5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ui.warmup.DiagnosticTask]: Total memory 4,226,072,576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glassfish]: Created GlassFish Server 4.1 instance with name GlassFish Server 4.1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endorsed/javax.annotation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endorsed/jaxb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WARNING [org.netbeans.modules.java.j2seplatform.libraries.J2SELibraryTypeProvider]: Wrong Classpath entry </w:t>
            </w:r>
            <w:r w:rsidRPr="00980333">
              <w:rPr>
                <w:rFonts w:ascii="Courier New" w:hAnsi="Courier New"/>
              </w:rPr>
              <w:lastRenderedPageBreak/>
              <w:t>file:/C:/Program%20Files%20(x86)/glassfish-4.1/glassfish/modules/endorsed/webservices-api-osg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bean-validator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batch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ejb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el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enterprise.concurrent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enterprise.concurrent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enterprise.deploy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faces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</w:t>
            </w:r>
            <w:r w:rsidRPr="00980333">
              <w:rPr>
                <w:rFonts w:ascii="Courier New" w:hAnsi="Courier New"/>
              </w:rPr>
              <w:lastRenderedPageBreak/>
              <w:t>4.1/glassfish/modules/javax.inject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interceptor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jms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json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mail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management.j2ee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persistence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resource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curity.auth.message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</w:t>
            </w:r>
            <w:r w:rsidRPr="00980333">
              <w:rPr>
                <w:rFonts w:ascii="Courier New" w:hAnsi="Courier New"/>
              </w:rPr>
              <w:lastRenderedPageBreak/>
              <w:t>4.1/glassfish/modules/javax.security.jacc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rvlet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rvlet.jsp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rvlet.jsp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rvlet.jsp.jstl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rvlet.jsp.jstl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transaction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websocket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ws.rs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</w:t>
            </w:r>
            <w:r w:rsidRPr="00980333">
              <w:rPr>
                <w:rFonts w:ascii="Courier New" w:hAnsi="Courier New"/>
              </w:rPr>
              <w:lastRenderedPageBreak/>
              <w:t>4.1/glassfish/modules/javax.xml.registry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xml.rpc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xb-osg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webservices-osg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weld-osgi-bundle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mq/lib/jaxm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48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32 binary roots took: 5,213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raman 4\Praktikum\Praktikum1</w:t>
            </w:r>
            <w:r w:rsidRPr="00980333">
              <w:rPr>
                <w:rFonts w:ascii="Courier New" w:hAnsi="Courier New"/>
              </w:rPr>
              <w:t>\src\main\java took: 671 ms (New or modified files: 0, Deleted files: 0) [Adding listeners took: 31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raman 4\Praktikum\Praktikum1</w:t>
            </w:r>
            <w:r w:rsidRPr="00980333">
              <w:rPr>
                <w:rFonts w:ascii="Courier New" w:hAnsi="Courier New"/>
              </w:rPr>
              <w:t>\src\test\java took: 15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raman 4\Praktikum\Praktikum1</w:t>
            </w:r>
            <w:r w:rsidRPr="00980333">
              <w:rPr>
                <w:rFonts w:ascii="Courier New" w:hAnsi="Courier New"/>
              </w:rPr>
              <w:t>\src\main\resources took: 125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raman 4\Praktikum\Praktikum1</w:t>
            </w:r>
            <w:r w:rsidRPr="00980333">
              <w:rPr>
                <w:rFonts w:ascii="Courier New" w:hAnsi="Courier New"/>
              </w:rPr>
              <w:t>\src\test\resource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raman 4\Praktikum\Praktikum1</w:t>
            </w:r>
            <w:r w:rsidRPr="00980333">
              <w:rPr>
                <w:rFonts w:ascii="Courier New" w:hAnsi="Courier New"/>
              </w:rPr>
              <w:t>\src\main\webapp took: 125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raman 4\Praktikum\Praktikum1</w:t>
            </w:r>
            <w:r w:rsidRPr="00980333">
              <w:rPr>
                <w:rFonts w:ascii="Courier New" w:hAnsi="Courier New"/>
              </w:rPr>
              <w:t>\src\test\java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raman 4\Praktikum\Praktikum1</w:t>
            </w:r>
            <w:r w:rsidRPr="00980333">
              <w:rPr>
                <w:rFonts w:ascii="Courier New" w:hAnsi="Courier New"/>
              </w:rPr>
              <w:t>\src\main\resources took: 125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raman 4\Praktikum\Praktikum1</w:t>
            </w:r>
            <w:r w:rsidRPr="00980333">
              <w:rPr>
                <w:rFonts w:ascii="Courier New" w:hAnsi="Courier New"/>
              </w:rPr>
              <w:t>\src\main\webapp took: 156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raman 4\Praktikum\Praktikum1</w:t>
            </w:r>
            <w:r w:rsidRPr="00980333">
              <w:rPr>
                <w:rFonts w:ascii="Courier New" w:hAnsi="Courier New"/>
              </w:rPr>
              <w:t>\src\main\java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raman 4\Praktikum\Praktikum1</w:t>
            </w:r>
            <w:r w:rsidRPr="00980333">
              <w:rPr>
                <w:rFonts w:ascii="Courier New" w:hAnsi="Courier New"/>
              </w:rPr>
              <w:t>\src\test\resource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10 source roots took: 1,217 ms (New or modified files: 0, Deleted files: 0) [Adding listeners took: 31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3,432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2 binary roots took: 89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</w:t>
            </w:r>
            <w:r w:rsidRPr="00980333">
              <w:rPr>
                <w:rFonts w:ascii="Courier New" w:hAnsi="Courier New"/>
              </w:rPr>
              <w:lastRenderedPageBreak/>
              <w:t xml:space="preserve">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</w:t>
            </w:r>
            <w:r w:rsidR="000E0CDE">
              <w:rPr>
                <w:rFonts w:ascii="Courier New" w:hAnsi="Courier New"/>
              </w:rPr>
              <w:t>raman 4\Praktikum\Praktikum2</w:t>
            </w:r>
            <w:r w:rsidRPr="00980333">
              <w:rPr>
                <w:rFonts w:ascii="Courier New" w:hAnsi="Courier New"/>
              </w:rPr>
              <w:t>\src\main\resource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log4j:WARN No appenders could be found for logger (nu.validator.source.LocationRecorder)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log4j:WARN Please initialize the log4j system properly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</w:t>
            </w:r>
            <w:r w:rsidR="000E0CDE">
              <w:rPr>
                <w:rFonts w:ascii="Courier New" w:hAnsi="Courier New"/>
              </w:rPr>
              <w:t>mrograman 4\Praktikum\Praktikum2</w:t>
            </w:r>
            <w:r w:rsidRPr="00980333">
              <w:rPr>
                <w:rFonts w:ascii="Courier New" w:hAnsi="Courier New"/>
              </w:rPr>
              <w:t>\src\main\webapp took: 5,367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2 source roots took: 5,367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16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0 binary roots took: 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C:\Program Files (x86)\NetBeans 8.0.2\ide\jsstubs\reststubs.zip took: 312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C:\Program Files (x86)\NetBeans 8.0.2\ide\jsstubs\corestubs.zip took: 249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C:\Program Files (x86)\NetBeans 8.0.2\ide\jsstubs\domstubs.zip took: 266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parsing.impl.indexing.RepositoryUpdater]: Broken index for root: file:/</w:t>
            </w:r>
            <w:r w:rsidR="000E0CDE">
              <w:t xml:space="preserve"> </w:t>
            </w:r>
            <w:r w:rsidR="000E0CDE">
              <w:rPr>
                <w:rFonts w:ascii="Courier New" w:hAnsi="Courier New"/>
              </w:rPr>
              <w:t>D:\Data%Arief\Universitas%</w:t>
            </w:r>
            <w:r w:rsidR="000E0CDE" w:rsidRPr="000E0CDE">
              <w:rPr>
                <w:rFonts w:ascii="Courier New" w:hAnsi="Courier New"/>
              </w:rPr>
              <w:t>Pa</w:t>
            </w:r>
            <w:r w:rsidR="000E0CDE">
              <w:rPr>
                <w:rFonts w:ascii="Courier New" w:hAnsi="Courier New"/>
              </w:rPr>
              <w:t>ncasila\Semester%VI\Pemrograman4</w:t>
            </w:r>
            <w:r w:rsidR="000E0CDE" w:rsidRPr="000E0CDE">
              <w:rPr>
                <w:rFonts w:ascii="Courier New" w:hAnsi="Courier New"/>
              </w:rPr>
              <w:t>\Praktikum\Praktikum1</w:t>
            </w:r>
            <w:r w:rsidR="000E0CDE">
              <w:rPr>
                <w:rFonts w:ascii="Courier New" w:hAnsi="Courier New"/>
              </w:rPr>
              <w:t>/src/main/webapp/</w:t>
            </w:r>
            <w:r w:rsidRPr="00980333">
              <w:rPr>
                <w:rFonts w:ascii="Courier New" w:hAnsi="Courier New"/>
              </w:rPr>
              <w:t>reason: C:\Users\</w:t>
            </w:r>
            <w:r w:rsidR="000E0CDE">
              <w:rPr>
                <w:rFonts w:ascii="Courier New" w:hAnsi="Courier New"/>
                <w:lang w:val="en-US"/>
              </w:rPr>
              <w:t>ARIEF%RN</w:t>
            </w:r>
            <w:r w:rsidRPr="00980333">
              <w:rPr>
                <w:rFonts w:ascii="Courier New" w:hAnsi="Courier New"/>
              </w:rPr>
              <w:t>\AppData\Local\NetBeans\Cache\8.0.2\index\s35\org-netbeans-modules-jumpto-file-FileIndexer\1\1\_1.prx (The system cannot find the file specified), recovering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parsing.impl.indexing.RepositoryUpdater]: Broken index for root: file:/</w:t>
            </w:r>
            <w:r w:rsidR="000E0CDE">
              <w:t xml:space="preserve"> </w:t>
            </w:r>
            <w:r w:rsidR="000E0CDE">
              <w:rPr>
                <w:rFonts w:ascii="Courier New" w:hAnsi="Courier New"/>
              </w:rPr>
              <w:t>D:\Data%Arief\Universitas%</w:t>
            </w:r>
            <w:r w:rsidR="000E0CDE" w:rsidRPr="000E0CDE">
              <w:rPr>
                <w:rFonts w:ascii="Courier New" w:hAnsi="Courier New"/>
              </w:rPr>
              <w:t>Pa</w:t>
            </w:r>
            <w:r w:rsidR="000E0CDE">
              <w:rPr>
                <w:rFonts w:ascii="Courier New" w:hAnsi="Courier New"/>
              </w:rPr>
              <w:t>ncasila\Semester%VI\Pemrograman%</w:t>
            </w:r>
            <w:r w:rsidR="000E0CDE" w:rsidRPr="000E0CDE">
              <w:rPr>
                <w:rFonts w:ascii="Courier New" w:hAnsi="Courier New"/>
              </w:rPr>
              <w:t>4\Pr</w:t>
            </w:r>
            <w:r w:rsidR="000E0CDE">
              <w:rPr>
                <w:rFonts w:ascii="Courier New" w:hAnsi="Courier New"/>
              </w:rPr>
              <w:t>aktikum\Praktikum2</w:t>
            </w:r>
            <w:r w:rsidRPr="00980333">
              <w:rPr>
                <w:rFonts w:ascii="Courier New" w:hAnsi="Courier New"/>
              </w:rPr>
              <w:t>/src/main/webapp/ reason: C:\Users\</w:t>
            </w:r>
            <w:r w:rsidR="000E0CDE">
              <w:rPr>
                <w:rFonts w:ascii="Courier New" w:hAnsi="Courier New"/>
                <w:lang w:val="en-US"/>
              </w:rPr>
              <w:t>ARIEF%RN</w:t>
            </w:r>
            <w:r w:rsidRPr="00980333">
              <w:rPr>
                <w:rFonts w:ascii="Courier New" w:hAnsi="Courier New"/>
              </w:rPr>
              <w:t>\AppData\Local\NetBeans\Cache\8.0.2\index\s35\html\2\1\_0.prx (The system cannot find the file specified), recovering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</w:t>
            </w:r>
            <w:r w:rsidR="000E0CDE">
              <w:rPr>
                <w:rFonts w:ascii="Courier New" w:hAnsi="Courier New"/>
              </w:rPr>
              <w:t>mrograman 4\Praktikum\Praktikum2</w:t>
            </w:r>
            <w:r w:rsidRPr="00980333">
              <w:rPr>
                <w:rFonts w:ascii="Courier New" w:hAnsi="Courier New"/>
              </w:rPr>
              <w:t>\src\main\webapp took: 218 ms (New or modified files: 3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parsing.impl.indexing.RepositoryUpdater]: Broken index for root: file:/</w:t>
            </w:r>
            <w:r w:rsidR="000E0CDE">
              <w:t xml:space="preserve"> </w:t>
            </w:r>
            <w:r w:rsidR="000E0CDE">
              <w:rPr>
                <w:rFonts w:ascii="Courier New" w:hAnsi="Courier New"/>
              </w:rPr>
              <w:t>D:\Data%Arief\Universitas%</w:t>
            </w:r>
            <w:r w:rsidR="000E0CDE" w:rsidRPr="000E0CDE">
              <w:rPr>
                <w:rFonts w:ascii="Courier New" w:hAnsi="Courier New"/>
              </w:rPr>
              <w:t>Pa</w:t>
            </w:r>
            <w:r w:rsidR="000E0CDE">
              <w:rPr>
                <w:rFonts w:ascii="Courier New" w:hAnsi="Courier New"/>
              </w:rPr>
              <w:t>ncasila\Semester VI\Pemrograman%</w:t>
            </w:r>
            <w:r w:rsidR="000E0CDE" w:rsidRPr="000E0CDE">
              <w:rPr>
                <w:rFonts w:ascii="Courier New" w:hAnsi="Courier New"/>
              </w:rPr>
              <w:t>4\Praktikum\Praktikum1</w:t>
            </w:r>
            <w:r w:rsidRPr="00980333">
              <w:rPr>
                <w:rFonts w:ascii="Courier New" w:hAnsi="Courier New"/>
              </w:rPr>
              <w:t>/src/main/java/ reason: C:\Users\</w:t>
            </w:r>
            <w:r w:rsidR="000E0CDE">
              <w:rPr>
                <w:rFonts w:ascii="Courier New" w:hAnsi="Courier New"/>
                <w:lang w:val="en-US"/>
              </w:rPr>
              <w:t>ARIEF%RN</w:t>
            </w:r>
            <w:r w:rsidRPr="00980333">
              <w:rPr>
                <w:rFonts w:ascii="Courier New" w:hAnsi="Courier New"/>
              </w:rPr>
              <w:t>\AppData\Local\NetBeans\Cache\8.0.2\index\s36\org-netbeans-modules-jumpto-file-FileIndexer\1\1\_1.prx (The system cannot find the file specified), recovering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</w:t>
            </w:r>
            <w:r w:rsidR="000E0CDE" w:rsidRPr="000E0CDE">
              <w:rPr>
                <w:rFonts w:ascii="Courier New" w:hAnsi="Courier New"/>
              </w:rPr>
              <w:t>D:\Data Arief\Universitas Pancasila\Semester VI\Pemrograman 4\Praktikum\Pr</w:t>
            </w:r>
            <w:r w:rsidR="000E0CDE">
              <w:rPr>
                <w:rFonts w:ascii="Courier New" w:hAnsi="Courier New"/>
              </w:rPr>
              <w:t>aktikum2</w:t>
            </w:r>
            <w:r w:rsidRPr="00980333">
              <w:rPr>
                <w:rFonts w:ascii="Courier New" w:hAnsi="Courier New"/>
              </w:rPr>
              <w:t>\src\main\java took: 764 ms (New or modified files: 1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5 source roots took: 1,809 ms (New or modified files: 4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source.indexing.JavaIndex]: Broken index for root: file:/D:/ADAM%20NUGROHO/KULIAH/KULIAH%20SEMESTER%206/Pemrograman%204/Tugas/Tugas%202/Praktikum2/src/main/java/ reason {1}, recovering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mercurial]: version: null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subversion]: Finished indexing svn cache with 0 entries. Elapsed time: 0 ms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31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0 binary roots took: 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0 source root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options.keymap.LayersBridge]: Invalid shortcut: org.openide.loaders.BrokenDataShadow@fb46ea[MultiFileObject@1ded950[Keymaps/NetBeans/D-BACK_QUOTE.shadow]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options.keymap.LayersBridge]: Invalid shortcut: org.openide.loaders.BrokenDataShadow@fb46ea[MultiFileObject@1ded950[Keymaps/NetBeans/D-BACK_QUOTE.shadow]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63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>INFO [org.netbeans.modules.parsing.impl.indexing.RepositoryUpdater]: Complete indexing of 1 binary roots took: 78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test\resource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webapp took: 936 ms (New or modified files: 1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test\java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java took: 125 ms (New or modified files: 0, Deleted files: 0) [Adding listeners took: 16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resource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5 source roots took: 1,061 ms (New or modified files: 1, Deleted files: 0) [Adding listeners took: 16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ConfigUtilities]: Total time spent = 249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FrameworkProvider]: Total time spent=265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47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0 binary roots took: 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resources took: 25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1 source roots took: 25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>INFO [org.netbeans.modules.parsing.impl.indexing.RepositoryUpdater]: Resolving dependencies took: 47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1 binary roots took: 873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webapp took: 78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java took: 203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resources took: 63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3 source roots took: 344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j2ee.deployment.devmodules.api.Deployment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org.netbeans.modules.j2ee.deployment.impl.ServerException: Could not start GlassFish Server 4.1: HTTP or HTTPS listener port is occupied while server is not running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_start(ServerInstance.java:146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40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209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(ServerInstance.java:1087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TargetServer.startTargets(TargetServer.java:546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[catch] at org.netbeans.modules.j2ee.deployment.devmodules.api.Deployment.deploy(Deployment.java:21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DeploymentHelper.perform(DeploymentHelper.java:208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ExecutionChecker.executionResult(ExecutionChecker.java:9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at org.netbeans.modules.maven.execute.MavenCommandLineExecutor.run(MavenCommandLineExecutor.java:25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core.execution.RunClassThread.run(RunClassThread.java:15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ConfigUtilities]: Total time spent = 62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FrameworkProvider]: Total time spent=62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j2ee.deployment.devmodules.api.Deployment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org.netbeans.modules.j2ee.deployment.impl.ServerException: Could not start GlassFish Server 4.1: HTTP or HTTPS listener port is occupied while server is not running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_start(ServerInstance.java:146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40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209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(ServerInstance.java:1087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TargetServer.startTargets(TargetServer.java:546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[catch] at org.netbeans.modules.j2ee.deployment.devmodules.api.Deployment.deploy(Deployment.java:21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DeploymentHelper.perform(DeploymentHelper.java:208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ExecutionChecker.executionResult(ExecutionChecker.java:9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execute.MavenCommandLineExecutor.run(MavenCommandLineExecutor.java:25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core.execution.RunClassThread.run(RunClassThread.java:15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ConfigUtilities]: Total time spent = 15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FrameworkProvider]: Total time spent=15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j2ee.deployment.devmodules.api.Deployment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org.netbeans.modules.j2ee.deployment.impl.ServerException: Could not start GlassFish Server 4.1: HTTP or HTTPS listener port is occupied while server is not running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at org.netbeans.modules.j2ee.deployment.impl.ServerInstance._start(ServerInstance.java:146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40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209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(ServerInstance.java:1087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TargetServer.startTargets(TargetServer.java:546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[catch] at org.netbeans.modules.j2ee.deployment.devmodules.api.Deployment.deploy(Deployment.java:21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DeploymentHelper.perform(DeploymentHelper.java:208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ExecutionChecker.executionResult(ExecutionChecker.java:9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execute.MavenCommandLineExecutor.run(MavenCommandLineExecutor.java:25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core.execution.RunClassThread.run(RunClassThread.java:15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ConfigUtilities]: Total time spent = 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FrameworkProvider]: Total time spent=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maven.j2ee.ContainerCPModifierImpl]: Cannot process api with symbolic name: servlet-api. Nothing will be added to project's classpath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openide.filesystems.Ordering]: Not all children in / marked with the position attribute: [org-netbeans-modules-editor-java-JavaBracesMatcher.shadow], but some are: [org-netbeans-modules-editor-bracesmatching-LegacyEssMatcher.instance, org-netbeans-modules-editor-bracesmatching-DefaultMatcher.instance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ConfigUtilities]: Total time spent = 0 ms</w:t>
            </w:r>
          </w:p>
          <w:p w:rsidR="00980333" w:rsidRDefault="00980333" w:rsidP="00980333">
            <w:pPr>
              <w:rPr>
                <w:rFonts w:ascii="Times New Roman" w:hAnsi="Times New Roman"/>
                <w:sz w:val="24"/>
              </w:rPr>
            </w:pPr>
            <w:r w:rsidRPr="00980333">
              <w:rPr>
                <w:rFonts w:ascii="Courier New" w:hAnsi="Courier New"/>
              </w:rPr>
              <w:t>INFO [org.netbeans.modules.web.jsf.JSFFrameworkProvider]: Total time spent=0 ms</w:t>
            </w:r>
          </w:p>
        </w:tc>
      </w:tr>
    </w:tbl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Pr="00980333" w:rsidRDefault="00980333" w:rsidP="0010345A">
      <w:pPr>
        <w:rPr>
          <w:rFonts w:ascii="Times New Roman" w:hAnsi="Times New Roman"/>
          <w:sz w:val="24"/>
        </w:rPr>
      </w:pPr>
    </w:p>
    <w:sectPr w:rsidR="00980333" w:rsidRPr="00980333" w:rsidSect="00011137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732287" w:rsidRDefault="00732287" w:rsidP="0010345A">
      <w:pPr>
        <w:spacing w:after="0" w:line="240" w:lineRule="auto"/>
      </w:pPr>
      <w:r>
        <w:separator/>
      </w:r>
    </w:p>
  </w:endnote>
  <w:endnote w:type="continuationSeparator" w:id="0">
    <w:p w:rsidR="00732287" w:rsidRDefault="00732287" w:rsidP="0010345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732287" w:rsidRDefault="00732287" w:rsidP="0010345A">
      <w:pPr>
        <w:spacing w:after="0" w:line="240" w:lineRule="auto"/>
      </w:pPr>
      <w:r>
        <w:separator/>
      </w:r>
    </w:p>
  </w:footnote>
  <w:footnote w:type="continuationSeparator" w:id="0">
    <w:p w:rsidR="00732287" w:rsidRDefault="00732287" w:rsidP="0010345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596F43E7"/>
    <w:multiLevelType w:val="hybridMultilevel"/>
    <w:tmpl w:val="ADD089E6"/>
    <w:lvl w:ilvl="0" w:tplc="0421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210019" w:tentative="1">
      <w:start w:val="1"/>
      <w:numFmt w:val="lowerLetter"/>
      <w:lvlText w:val="%2."/>
      <w:lvlJc w:val="left"/>
      <w:pPr>
        <w:ind w:left="1440" w:hanging="360"/>
      </w:pPr>
    </w:lvl>
    <w:lvl w:ilvl="2" w:tplc="0421001B" w:tentative="1">
      <w:start w:val="1"/>
      <w:numFmt w:val="lowerRoman"/>
      <w:lvlText w:val="%3."/>
      <w:lvlJc w:val="right"/>
      <w:pPr>
        <w:ind w:left="2160" w:hanging="180"/>
      </w:pPr>
    </w:lvl>
    <w:lvl w:ilvl="3" w:tplc="0421000F" w:tentative="1">
      <w:start w:val="1"/>
      <w:numFmt w:val="decimal"/>
      <w:lvlText w:val="%4."/>
      <w:lvlJc w:val="left"/>
      <w:pPr>
        <w:ind w:left="2880" w:hanging="360"/>
      </w:pPr>
    </w:lvl>
    <w:lvl w:ilvl="4" w:tplc="04210019" w:tentative="1">
      <w:start w:val="1"/>
      <w:numFmt w:val="lowerLetter"/>
      <w:lvlText w:val="%5."/>
      <w:lvlJc w:val="left"/>
      <w:pPr>
        <w:ind w:left="3600" w:hanging="360"/>
      </w:pPr>
    </w:lvl>
    <w:lvl w:ilvl="5" w:tplc="0421001B" w:tentative="1">
      <w:start w:val="1"/>
      <w:numFmt w:val="lowerRoman"/>
      <w:lvlText w:val="%6."/>
      <w:lvlJc w:val="right"/>
      <w:pPr>
        <w:ind w:left="4320" w:hanging="180"/>
      </w:pPr>
    </w:lvl>
    <w:lvl w:ilvl="6" w:tplc="0421000F" w:tentative="1">
      <w:start w:val="1"/>
      <w:numFmt w:val="decimal"/>
      <w:lvlText w:val="%7."/>
      <w:lvlJc w:val="left"/>
      <w:pPr>
        <w:ind w:left="5040" w:hanging="360"/>
      </w:pPr>
    </w:lvl>
    <w:lvl w:ilvl="7" w:tplc="04210019" w:tentative="1">
      <w:start w:val="1"/>
      <w:numFmt w:val="lowerLetter"/>
      <w:lvlText w:val="%8."/>
      <w:lvlJc w:val="left"/>
      <w:pPr>
        <w:ind w:left="5760" w:hanging="360"/>
      </w:pPr>
    </w:lvl>
    <w:lvl w:ilvl="8" w:tplc="0421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2415D"/>
    <w:rsid w:val="00011137"/>
    <w:rsid w:val="0007619B"/>
    <w:rsid w:val="000E0CDE"/>
    <w:rsid w:val="0010345A"/>
    <w:rsid w:val="00207498"/>
    <w:rsid w:val="00321948"/>
    <w:rsid w:val="004678AA"/>
    <w:rsid w:val="005076BA"/>
    <w:rsid w:val="00732287"/>
    <w:rsid w:val="00980333"/>
    <w:rsid w:val="00A241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id-ID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docId w15:val="{A93B5551-07EB-4F9C-9D46-1AA5E61897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id-ID" w:eastAsia="id-ID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011137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A2415D"/>
    <w:pPr>
      <w:ind w:left="720"/>
      <w:contextualSpacing/>
    </w:pPr>
  </w:style>
  <w:style w:type="table" w:styleId="TableGrid">
    <w:name w:val="Table Grid"/>
    <w:basedOn w:val="TableNormal"/>
    <w:uiPriority w:val="59"/>
    <w:rsid w:val="00A2415D"/>
    <w:pPr>
      <w:spacing w:after="0" w:line="240" w:lineRule="auto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10345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0345A"/>
    <w:rPr>
      <w:rFonts w:ascii="Tahoma" w:hAnsi="Tahoma" w:cs="Tahoma"/>
      <w:sz w:val="16"/>
      <w:szCs w:val="16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10345A"/>
    <w:pPr>
      <w:spacing w:after="0" w:line="240" w:lineRule="auto"/>
    </w:pPr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10345A"/>
    <w:rPr>
      <w:sz w:val="20"/>
      <w:szCs w:val="20"/>
    </w:rPr>
  </w:style>
  <w:style w:type="character" w:styleId="FootnoteReference">
    <w:name w:val="footnote reference"/>
    <w:basedOn w:val="DefaultParagraphFont"/>
    <w:uiPriority w:val="99"/>
    <w:semiHidden/>
    <w:unhideWhenUsed/>
    <w:rsid w:val="0010345A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985154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98727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13761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84378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6962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3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</TotalTime>
  <Pages>41</Pages>
  <Words>12892</Words>
  <Characters>73491</Characters>
  <Application>Microsoft Office Word</Application>
  <DocSecurity>0</DocSecurity>
  <Lines>612</Lines>
  <Paragraphs>17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eftones</Company>
  <LinksUpToDate>false</LinksUpToDate>
  <CharactersWithSpaces>8621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AM01</dc:creator>
  <cp:keywords/>
  <dc:description/>
  <cp:lastModifiedBy>Arief Rachman Nugraha</cp:lastModifiedBy>
  <cp:revision>3</cp:revision>
  <dcterms:created xsi:type="dcterms:W3CDTF">2016-06-22T07:12:00Z</dcterms:created>
  <dcterms:modified xsi:type="dcterms:W3CDTF">2016-06-22T07:23:00Z</dcterms:modified>
</cp:coreProperties>
</file>